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3571\Desktop\高齢者福祉課\当課で加工したもの\"/>
    </mc:Choice>
  </mc:AlternateContent>
  <bookViews>
    <workbookView xWindow="0" yWindow="0" windowWidth="20490" windowHeight="7530"/>
  </bookViews>
  <sheets>
    <sheet name="H30" sheetId="1" r:id="rId1"/>
  </sheets>
  <definedNames>
    <definedName name="_xlnm._FilterDatabase" localSheetId="0" hidden="1">'H30'!$A$8:$AB$34</definedName>
    <definedName name="_xlnm.Print_Area" localSheetId="0">'H30'!$B$1:$AA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3" uniqueCount="58">
  <si>
    <t>平成３０年度百歳以上高齢者の市町村別状況</t>
    <rPh sb="0" eb="2">
      <t>ヘイセイ</t>
    </rPh>
    <rPh sb="4" eb="6">
      <t>ネンド</t>
    </rPh>
    <rPh sb="6" eb="7">
      <t>ヒャク</t>
    </rPh>
    <rPh sb="7" eb="10">
      <t>サイイジョウ</t>
    </rPh>
    <rPh sb="10" eb="13">
      <t>コウレイシャ</t>
    </rPh>
    <rPh sb="14" eb="17">
      <t>シチョウソン</t>
    </rPh>
    <rPh sb="17" eb="18">
      <t>ベツ</t>
    </rPh>
    <rPh sb="18" eb="20">
      <t>ジョウキョウ</t>
    </rPh>
    <phoneticPr fontId="1"/>
  </si>
  <si>
    <t>※「人口１０万人当たり百歳以上高齢者数は１０１．０２人で、全国第１位（昨年度全国第１位）です。」</t>
    <rPh sb="2" eb="4">
      <t>ジンコウ</t>
    </rPh>
    <rPh sb="6" eb="8">
      <t>マンニン</t>
    </rPh>
    <rPh sb="8" eb="9">
      <t>ア</t>
    </rPh>
    <rPh sb="11" eb="12">
      <t>ヒャク</t>
    </rPh>
    <rPh sb="12" eb="13">
      <t>サイ</t>
    </rPh>
    <rPh sb="13" eb="15">
      <t>イジョウ</t>
    </rPh>
    <rPh sb="15" eb="18">
      <t>コウレイシャ</t>
    </rPh>
    <rPh sb="18" eb="19">
      <t>スウ</t>
    </rPh>
    <rPh sb="26" eb="27">
      <t>ニン</t>
    </rPh>
    <rPh sb="29" eb="31">
      <t>ゼンコク</t>
    </rPh>
    <rPh sb="31" eb="32">
      <t>ダイ</t>
    </rPh>
    <rPh sb="33" eb="34">
      <t>イ</t>
    </rPh>
    <rPh sb="35" eb="38">
      <t>サクネンド</t>
    </rPh>
    <rPh sb="38" eb="40">
      <t>ゼンコク</t>
    </rPh>
    <rPh sb="40" eb="41">
      <t>ダイ</t>
    </rPh>
    <rPh sb="42" eb="43">
      <t>イ</t>
    </rPh>
    <phoneticPr fontId="1"/>
  </si>
  <si>
    <t>市町村名</t>
  </si>
  <si>
    <t>総人口
（※１）</t>
    <rPh sb="0" eb="3">
      <t>ソウジンコウ</t>
    </rPh>
    <phoneticPr fontId="1"/>
  </si>
  <si>
    <t>百歳以上
高齢者数
（※２）</t>
    <rPh sb="0" eb="1">
      <t>ヒャク</t>
    </rPh>
    <rPh sb="1" eb="4">
      <t>サイイジョウ</t>
    </rPh>
    <rPh sb="5" eb="8">
      <t>コウレイシャ</t>
    </rPh>
    <rPh sb="8" eb="9">
      <t>スウ</t>
    </rPh>
    <phoneticPr fontId="1"/>
  </si>
  <si>
    <t>人口10万人当たり
百歳以上高齢者数</t>
    <rPh sb="0" eb="2">
      <t>ジンコウ</t>
    </rPh>
    <rPh sb="4" eb="6">
      <t>マンニン</t>
    </rPh>
    <rPh sb="6" eb="7">
      <t>ア</t>
    </rPh>
    <rPh sb="10" eb="11">
      <t>ヒャク</t>
    </rPh>
    <rPh sb="11" eb="14">
      <t>サイイジョウ</t>
    </rPh>
    <rPh sb="14" eb="17">
      <t>コウレイシャ</t>
    </rPh>
    <rPh sb="17" eb="18">
      <t>スウ</t>
    </rPh>
    <phoneticPr fontId="1"/>
  </si>
  <si>
    <t>高齢者人口
(65歳以上)
（※１）</t>
    <rPh sb="0" eb="3">
      <t>コウレイシャ</t>
    </rPh>
    <rPh sb="3" eb="5">
      <t>ジンコウ</t>
    </rPh>
    <rPh sb="9" eb="10">
      <t>サイ</t>
    </rPh>
    <rPh sb="10" eb="12">
      <t>イジョウ</t>
    </rPh>
    <phoneticPr fontId="1"/>
  </si>
  <si>
    <t>高齢化率</t>
    <rPh sb="0" eb="3">
      <t>コウレイカ</t>
    </rPh>
    <rPh sb="3" eb="4">
      <t>リツ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人数</t>
    <rPh sb="0" eb="2">
      <t>ニンズウ</t>
    </rPh>
    <phoneticPr fontId="1"/>
  </si>
  <si>
    <t>県内
順位</t>
    <rPh sb="0" eb="2">
      <t>ケンナイ</t>
    </rPh>
    <rPh sb="3" eb="5">
      <t>ジュンイ</t>
    </rPh>
    <phoneticPr fontId="1"/>
  </si>
  <si>
    <t>率</t>
    <rPh sb="0" eb="1">
      <t>リツ</t>
    </rPh>
    <phoneticPr fontId="1"/>
  </si>
  <si>
    <t>松江市</t>
    <rPh sb="0" eb="3">
      <t>マツエシ</t>
    </rPh>
    <phoneticPr fontId="1"/>
  </si>
  <si>
    <t>浜田市</t>
    <phoneticPr fontId="1"/>
  </si>
  <si>
    <t>出雲市</t>
    <rPh sb="0" eb="3">
      <t>イズモシ</t>
    </rPh>
    <phoneticPr fontId="1"/>
  </si>
  <si>
    <t>益田市</t>
    <rPh sb="0" eb="3">
      <t>マスダシ</t>
    </rPh>
    <phoneticPr fontId="1"/>
  </si>
  <si>
    <t>大田市</t>
    <phoneticPr fontId="1"/>
  </si>
  <si>
    <t>安来市</t>
    <rPh sb="0" eb="3">
      <t>ヤスギシ</t>
    </rPh>
    <phoneticPr fontId="1"/>
  </si>
  <si>
    <t>江津市</t>
    <rPh sb="0" eb="3">
      <t>ゴウツシ</t>
    </rPh>
    <phoneticPr fontId="1"/>
  </si>
  <si>
    <t>雲南市</t>
    <rPh sb="0" eb="2">
      <t>ウンナン</t>
    </rPh>
    <rPh sb="2" eb="3">
      <t>シ</t>
    </rPh>
    <phoneticPr fontId="1"/>
  </si>
  <si>
    <t>奥出雲町</t>
    <rPh sb="0" eb="1">
      <t>オク</t>
    </rPh>
    <rPh sb="1" eb="4">
      <t>イズモチョウ</t>
    </rPh>
    <phoneticPr fontId="1"/>
  </si>
  <si>
    <t>飯南町</t>
    <rPh sb="0" eb="3">
      <t>イイナンチョウ</t>
    </rPh>
    <phoneticPr fontId="1"/>
  </si>
  <si>
    <t>川本町</t>
    <phoneticPr fontId="1"/>
  </si>
  <si>
    <t>美郷町</t>
    <rPh sb="0" eb="2">
      <t>ミサト</t>
    </rPh>
    <rPh sb="2" eb="3">
      <t>チョウ</t>
    </rPh>
    <phoneticPr fontId="1"/>
  </si>
  <si>
    <t>邑南町</t>
    <rPh sb="0" eb="1">
      <t>オウ</t>
    </rPh>
    <rPh sb="1" eb="2">
      <t>ナン</t>
    </rPh>
    <rPh sb="2" eb="3">
      <t>チョウ</t>
    </rPh>
    <phoneticPr fontId="1"/>
  </si>
  <si>
    <t>津和野町</t>
    <phoneticPr fontId="1"/>
  </si>
  <si>
    <t>吉賀町</t>
    <rPh sb="0" eb="1">
      <t>ヨシ</t>
    </rPh>
    <rPh sb="1" eb="2">
      <t>ガ</t>
    </rPh>
    <rPh sb="2" eb="3">
      <t>チョウ</t>
    </rPh>
    <phoneticPr fontId="1"/>
  </si>
  <si>
    <t>海士町</t>
    <phoneticPr fontId="1"/>
  </si>
  <si>
    <t>西ノ島町</t>
    <phoneticPr fontId="1"/>
  </si>
  <si>
    <t>知夫村</t>
    <phoneticPr fontId="1"/>
  </si>
  <si>
    <t>隠岐の島町</t>
    <rPh sb="0" eb="2">
      <t>オキ</t>
    </rPh>
    <rPh sb="3" eb="4">
      <t>シマ</t>
    </rPh>
    <rPh sb="4" eb="5">
      <t>チョウ</t>
    </rPh>
    <phoneticPr fontId="1"/>
  </si>
  <si>
    <t>（千人）</t>
    <rPh sb="1" eb="3">
      <t>センニン</t>
    </rPh>
    <phoneticPr fontId="1"/>
  </si>
  <si>
    <t>島根県</t>
    <rPh sb="0" eb="3">
      <t>シマネケン</t>
    </rPh>
    <phoneticPr fontId="1"/>
  </si>
  <si>
    <t>全　国</t>
    <rPh sb="0" eb="1">
      <t>ゼン</t>
    </rPh>
    <rPh sb="2" eb="3">
      <t>コク</t>
    </rPh>
    <phoneticPr fontId="1"/>
  </si>
  <si>
    <t xml:space="preserve"> ※１　市町村の総人口及び高齢者人口は、平成27年国勢調査を基準とした平成29年10月1日現在の県推計人口（年報）による。</t>
    <rPh sb="4" eb="7">
      <t>シチョウソン</t>
    </rPh>
    <rPh sb="8" eb="9">
      <t>ソウ</t>
    </rPh>
    <rPh sb="20" eb="22">
      <t>ヘイセイ</t>
    </rPh>
    <rPh sb="24" eb="25">
      <t>ネン</t>
    </rPh>
    <rPh sb="25" eb="27">
      <t>コクセイ</t>
    </rPh>
    <rPh sb="27" eb="29">
      <t>チョウサ</t>
    </rPh>
    <rPh sb="30" eb="32">
      <t>キジュン</t>
    </rPh>
    <rPh sb="35" eb="37">
      <t>ヘイセイ</t>
    </rPh>
    <rPh sb="39" eb="40">
      <t>ネン</t>
    </rPh>
    <rPh sb="42" eb="43">
      <t>ガツ</t>
    </rPh>
    <rPh sb="44" eb="45">
      <t>ニチ</t>
    </rPh>
    <rPh sb="45" eb="47">
      <t>ゲンザイ</t>
    </rPh>
    <rPh sb="48" eb="49">
      <t>ケン</t>
    </rPh>
    <rPh sb="49" eb="51">
      <t>スイケイ</t>
    </rPh>
    <rPh sb="51" eb="53">
      <t>ジンコウ</t>
    </rPh>
    <rPh sb="54" eb="56">
      <t>ネンポウ</t>
    </rPh>
    <phoneticPr fontId="1"/>
  </si>
  <si>
    <t>（県統計調査課）</t>
    <phoneticPr fontId="1"/>
  </si>
  <si>
    <t>　　　　島根県と全国の人口、高齢者人口及び高齢化率は、平成29年10月1日現在推計人口による。　（総務省統計局）</t>
    <rPh sb="4" eb="7">
      <t>シマネケン</t>
    </rPh>
    <rPh sb="8" eb="10">
      <t>ゼンコク</t>
    </rPh>
    <rPh sb="11" eb="13">
      <t>ジンコウ</t>
    </rPh>
    <rPh sb="14" eb="17">
      <t>コウレイシャ</t>
    </rPh>
    <rPh sb="17" eb="19">
      <t>ジンコウ</t>
    </rPh>
    <rPh sb="19" eb="20">
      <t>オヨ</t>
    </rPh>
    <rPh sb="21" eb="24">
      <t>コウレイカ</t>
    </rPh>
    <rPh sb="24" eb="25">
      <t>リツ</t>
    </rPh>
    <rPh sb="27" eb="29">
      <t>ヘイセイ</t>
    </rPh>
    <rPh sb="31" eb="32">
      <t>ネン</t>
    </rPh>
    <rPh sb="34" eb="35">
      <t>ガツ</t>
    </rPh>
    <rPh sb="36" eb="39">
      <t>ニチゲンザイ</t>
    </rPh>
    <rPh sb="39" eb="41">
      <t>スイケイ</t>
    </rPh>
    <rPh sb="41" eb="43">
      <t>ジンコウ</t>
    </rPh>
    <phoneticPr fontId="1"/>
  </si>
  <si>
    <t xml:space="preserve"> ※２　百歳以上人口は、平成30年9月15日時点における年齢を基礎として、百歳以上の方を計上している。（9月1日調査時点）</t>
    <rPh sb="4" eb="5">
      <t>ヒャク</t>
    </rPh>
    <rPh sb="5" eb="8">
      <t>サイイジョウ</t>
    </rPh>
    <rPh sb="8" eb="10">
      <t>ジンコウ</t>
    </rPh>
    <rPh sb="12" eb="14">
      <t>ヘイセイ</t>
    </rPh>
    <rPh sb="16" eb="17">
      <t>ネン</t>
    </rPh>
    <rPh sb="18" eb="19">
      <t>ガツ</t>
    </rPh>
    <rPh sb="21" eb="22">
      <t>ニチ</t>
    </rPh>
    <rPh sb="22" eb="24">
      <t>ジテン</t>
    </rPh>
    <rPh sb="28" eb="30">
      <t>ネンレイ</t>
    </rPh>
    <rPh sb="31" eb="33">
      <t>キソ</t>
    </rPh>
    <rPh sb="37" eb="38">
      <t>ヒャク</t>
    </rPh>
    <rPh sb="38" eb="39">
      <t>サイ</t>
    </rPh>
    <rPh sb="39" eb="41">
      <t>イジョウ</t>
    </rPh>
    <rPh sb="42" eb="43">
      <t>カタ</t>
    </rPh>
    <rPh sb="44" eb="46">
      <t>ケイジョウ</t>
    </rPh>
    <rPh sb="53" eb="54">
      <t>ガツ</t>
    </rPh>
    <rPh sb="55" eb="56">
      <t>ニチ</t>
    </rPh>
    <rPh sb="56" eb="58">
      <t>チョウサ</t>
    </rPh>
    <rPh sb="58" eb="60">
      <t>ジテン</t>
    </rPh>
    <phoneticPr fontId="1"/>
  </si>
  <si>
    <t>○ 百歳以上人口上位３</t>
    <rPh sb="2" eb="3">
      <t>ヒャク</t>
    </rPh>
    <rPh sb="3" eb="6">
      <t>サイイジョウ</t>
    </rPh>
    <rPh sb="6" eb="8">
      <t>ジンコウ</t>
    </rPh>
    <rPh sb="8" eb="10">
      <t>ジョウイ</t>
    </rPh>
    <phoneticPr fontId="1"/>
  </si>
  <si>
    <r>
      <t>今回（H30</t>
    </r>
    <r>
      <rPr>
        <sz val="11"/>
        <rFont val="ＭＳ Ｐゴシック"/>
        <family val="3"/>
        <charset val="128"/>
      </rPr>
      <t>）</t>
    </r>
    <rPh sb="0" eb="2">
      <t>コンカイ</t>
    </rPh>
    <phoneticPr fontId="1"/>
  </si>
  <si>
    <r>
      <t>前回（H29</t>
    </r>
    <r>
      <rPr>
        <sz val="11"/>
        <rFont val="ＭＳ Ｐゴシック"/>
        <family val="3"/>
        <charset val="128"/>
      </rPr>
      <t>）</t>
    </r>
    <rPh sb="0" eb="2">
      <t>ゼンカイ</t>
    </rPh>
    <phoneticPr fontId="1"/>
  </si>
  <si>
    <r>
      <t>前々回（H28</t>
    </r>
    <r>
      <rPr>
        <sz val="11"/>
        <rFont val="ＭＳ Ｐゴシック"/>
        <family val="3"/>
        <charset val="128"/>
      </rPr>
      <t>）</t>
    </r>
    <rPh sb="0" eb="3">
      <t>ゼンゼンカイ</t>
    </rPh>
    <phoneticPr fontId="1"/>
  </si>
  <si>
    <t>雲南市</t>
    <rPh sb="0" eb="3">
      <t>ウンナンシ</t>
    </rPh>
    <phoneticPr fontId="1"/>
  </si>
  <si>
    <t>浜田市・雲南市</t>
    <rPh sb="0" eb="3">
      <t>ハマダシ</t>
    </rPh>
    <rPh sb="4" eb="7">
      <t>ウンナンシ</t>
    </rPh>
    <phoneticPr fontId="1"/>
  </si>
  <si>
    <t>○ 10万人当たり百歳以上人口上位３</t>
    <rPh sb="4" eb="6">
      <t>マンニン</t>
    </rPh>
    <rPh sb="6" eb="7">
      <t>ア</t>
    </rPh>
    <rPh sb="9" eb="10">
      <t>ヒャク</t>
    </rPh>
    <rPh sb="10" eb="13">
      <t>サイイジョウ</t>
    </rPh>
    <rPh sb="13" eb="15">
      <t>ジンコウ</t>
    </rPh>
    <rPh sb="15" eb="17">
      <t>ジョウイ</t>
    </rPh>
    <phoneticPr fontId="1"/>
  </si>
  <si>
    <r>
      <t>今回（H29</t>
    </r>
    <r>
      <rPr>
        <sz val="11"/>
        <rFont val="ＭＳ Ｐゴシック"/>
        <family val="3"/>
        <charset val="128"/>
      </rPr>
      <t>）</t>
    </r>
    <rPh sb="0" eb="2">
      <t>コンカイ</t>
    </rPh>
    <phoneticPr fontId="1"/>
  </si>
  <si>
    <t>川本町</t>
    <phoneticPr fontId="1"/>
  </si>
  <si>
    <t>326.89人</t>
    <rPh sb="6" eb="7">
      <t>ニン</t>
    </rPh>
    <phoneticPr fontId="1"/>
  </si>
  <si>
    <t>美郷町</t>
    <phoneticPr fontId="1"/>
  </si>
  <si>
    <t>289.26人</t>
    <phoneticPr fontId="1"/>
  </si>
  <si>
    <t>川本町</t>
    <rPh sb="0" eb="2">
      <t>カワモト</t>
    </rPh>
    <rPh sb="2" eb="3">
      <t>チョウ</t>
    </rPh>
    <phoneticPr fontId="1"/>
  </si>
  <si>
    <t>美郷町</t>
    <phoneticPr fontId="1"/>
  </si>
  <si>
    <t>293.19人</t>
    <rPh sb="6" eb="7">
      <t>ニン</t>
    </rPh>
    <phoneticPr fontId="1"/>
  </si>
  <si>
    <t>邑南町</t>
    <phoneticPr fontId="1"/>
  </si>
  <si>
    <t>253.23人</t>
    <phoneticPr fontId="1"/>
  </si>
  <si>
    <t>282.41人</t>
    <rPh sb="6" eb="7">
      <t>ニン</t>
    </rPh>
    <phoneticPr fontId="1"/>
  </si>
  <si>
    <t>200.52人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);[Red]\(#,##0\)"/>
    <numFmt numFmtId="177" formatCode="0.00_ "/>
    <numFmt numFmtId="178" formatCode="&quot;(&quot;#,##0&quot;）&quot;"/>
    <numFmt numFmtId="179" formatCode="0.0%"/>
    <numFmt numFmtId="180" formatCode="&quot;(&quot;#,##0&quot;)&quot;"/>
    <numFmt numFmtId="181" formatCode="#,##0&quot;人&quot;"/>
    <numFmt numFmtId="182" formatCode="General&quot;人&quot;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HGS創英角ｺﾞｼｯｸUB"/>
      <family val="3"/>
      <charset val="128"/>
    </font>
    <font>
      <sz val="14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1">
    <xf numFmtId="0" fontId="0" fillId="0" borderId="0"/>
  </cellStyleXfs>
  <cellXfs count="137">
    <xf numFmtId="0" fontId="0" fillId="0" borderId="0" xfId="0"/>
    <xf numFmtId="0" fontId="0" fillId="0" borderId="0" xfId="0" applyFont="1"/>
    <xf numFmtId="0" fontId="3" fillId="0" borderId="0" xfId="0" applyFont="1" applyAlignment="1">
      <alignment horizontal="center"/>
    </xf>
    <xf numFmtId="0" fontId="4" fillId="0" borderId="0" xfId="0" applyFont="1"/>
    <xf numFmtId="0" fontId="0" fillId="2" borderId="4" xfId="0" applyFont="1" applyFill="1" applyBorder="1" applyAlignment="1">
      <alignment horizontal="center" vertical="center" wrapText="1"/>
    </xf>
    <xf numFmtId="0" fontId="0" fillId="2" borderId="5" xfId="0" applyFont="1" applyFill="1" applyBorder="1" applyAlignment="1">
      <alignment horizontal="center" vertical="center"/>
    </xf>
    <xf numFmtId="0" fontId="0" fillId="2" borderId="10" xfId="0" applyFont="1" applyFill="1" applyBorder="1" applyAlignment="1">
      <alignment horizontal="center" vertical="center"/>
    </xf>
    <xf numFmtId="0" fontId="0" fillId="0" borderId="0" xfId="0" applyFont="1" applyAlignment="1">
      <alignment vertical="center"/>
    </xf>
    <xf numFmtId="176" fontId="0" fillId="3" borderId="5" xfId="0" applyNumberFormat="1" applyFont="1" applyFill="1" applyBorder="1" applyAlignment="1">
      <alignment vertical="center"/>
    </xf>
    <xf numFmtId="176" fontId="0" fillId="3" borderId="10" xfId="0" applyNumberFormat="1" applyFont="1" applyFill="1" applyBorder="1" applyAlignment="1">
      <alignment vertical="center"/>
    </xf>
    <xf numFmtId="0" fontId="6" fillId="0" borderId="4" xfId="0" applyFont="1" applyFill="1" applyBorder="1" applyAlignment="1">
      <alignment horizontal="left" vertical="center"/>
    </xf>
    <xf numFmtId="176" fontId="0" fillId="0" borderId="4" xfId="0" applyNumberFormat="1" applyFont="1" applyFill="1" applyBorder="1" applyAlignment="1">
      <alignment vertical="center"/>
    </xf>
    <xf numFmtId="176" fontId="0" fillId="3" borderId="4" xfId="0" applyNumberFormat="1" applyFont="1" applyFill="1" applyBorder="1" applyAlignment="1">
      <alignment horizontal="right" vertical="center"/>
    </xf>
    <xf numFmtId="177" fontId="0" fillId="0" borderId="4" xfId="0" applyNumberFormat="1" applyFont="1" applyBorder="1" applyAlignment="1">
      <alignment horizontal="right" vertical="center"/>
    </xf>
    <xf numFmtId="178" fontId="0" fillId="0" borderId="4" xfId="0" applyNumberFormat="1" applyFont="1" applyFill="1" applyBorder="1" applyAlignment="1">
      <alignment horizontal="right" vertical="center"/>
    </xf>
    <xf numFmtId="179" fontId="0" fillId="0" borderId="4" xfId="0" applyNumberFormat="1" applyFont="1" applyBorder="1" applyAlignment="1">
      <alignment horizontal="right" vertical="center"/>
    </xf>
    <xf numFmtId="180" fontId="0" fillId="0" borderId="4" xfId="0" applyNumberFormat="1" applyFont="1" applyFill="1" applyBorder="1" applyAlignment="1">
      <alignment horizontal="right" vertical="center"/>
    </xf>
    <xf numFmtId="0" fontId="0" fillId="3" borderId="0" xfId="0" applyFont="1" applyFill="1" applyAlignment="1">
      <alignment vertical="center"/>
    </xf>
    <xf numFmtId="176" fontId="0" fillId="3" borderId="5" xfId="0" applyNumberFormat="1" applyFont="1" applyFill="1" applyBorder="1" applyAlignment="1">
      <alignment vertical="center" shrinkToFit="1"/>
    </xf>
    <xf numFmtId="176" fontId="0" fillId="3" borderId="10" xfId="0" applyNumberFormat="1" applyFont="1" applyFill="1" applyBorder="1" applyAlignment="1">
      <alignment vertical="center" shrinkToFit="1"/>
    </xf>
    <xf numFmtId="0" fontId="0" fillId="3" borderId="0" xfId="0" applyFont="1" applyFill="1"/>
    <xf numFmtId="0" fontId="6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0" fontId="0" fillId="0" borderId="0" xfId="0" applyFont="1" applyBorder="1" applyAlignment="1">
      <alignment vertical="center"/>
    </xf>
    <xf numFmtId="0" fontId="0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 wrapText="1"/>
    </xf>
    <xf numFmtId="0" fontId="2" fillId="0" borderId="0" xfId="0" applyFont="1" applyAlignment="1">
      <alignment horizontal="center"/>
    </xf>
    <xf numFmtId="0" fontId="0" fillId="2" borderId="1" xfId="0" applyFont="1" applyFill="1" applyBorder="1" applyAlignment="1">
      <alignment horizontal="center" vertical="center"/>
    </xf>
    <xf numFmtId="0" fontId="0" fillId="2" borderId="2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0" fontId="0" fillId="2" borderId="7" xfId="0" applyFont="1" applyFill="1" applyBorder="1" applyAlignment="1">
      <alignment horizontal="center" vertical="center"/>
    </xf>
    <xf numFmtId="0" fontId="0" fillId="2" borderId="8" xfId="0" applyFont="1" applyFill="1" applyBorder="1" applyAlignment="1">
      <alignment horizontal="center" vertical="center"/>
    </xf>
    <xf numFmtId="0" fontId="0" fillId="2" borderId="9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center" vertical="center" wrapText="1"/>
    </xf>
    <xf numFmtId="0" fontId="0" fillId="2" borderId="2" xfId="0" applyFont="1" applyFill="1" applyBorder="1" applyAlignment="1">
      <alignment horizontal="center" vertical="center" wrapText="1"/>
    </xf>
    <xf numFmtId="0" fontId="0" fillId="2" borderId="3" xfId="0" applyFont="1" applyFill="1" applyBorder="1" applyAlignment="1">
      <alignment horizontal="center" vertical="center" wrapText="1"/>
    </xf>
    <xf numFmtId="0" fontId="0" fillId="2" borderId="7" xfId="0" applyFont="1" applyFill="1" applyBorder="1" applyAlignment="1">
      <alignment horizontal="center" vertical="center" wrapText="1"/>
    </xf>
    <xf numFmtId="0" fontId="0" fillId="2" borderId="8" xfId="0" applyFont="1" applyFill="1" applyBorder="1" applyAlignment="1">
      <alignment horizontal="center" vertical="center" wrapText="1"/>
    </xf>
    <xf numFmtId="0" fontId="0" fillId="2" borderId="9" xfId="0" applyFont="1" applyFill="1" applyBorder="1" applyAlignment="1">
      <alignment horizontal="center" vertical="center" wrapText="1"/>
    </xf>
    <xf numFmtId="0" fontId="5" fillId="2" borderId="5" xfId="0" applyFont="1" applyFill="1" applyBorder="1" applyAlignment="1">
      <alignment horizontal="center" vertical="center" wrapText="1"/>
    </xf>
    <xf numFmtId="0" fontId="5" fillId="2" borderId="4" xfId="0" applyFont="1" applyFill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0" fillId="2" borderId="5" xfId="0" applyFont="1" applyFill="1" applyBorder="1" applyAlignment="1">
      <alignment horizontal="center" vertical="center"/>
    </xf>
    <xf numFmtId="0" fontId="0" fillId="2" borderId="4" xfId="0" applyFont="1" applyFill="1" applyBorder="1" applyAlignment="1">
      <alignment horizontal="center" vertical="center"/>
    </xf>
    <xf numFmtId="0" fontId="0" fillId="2" borderId="6" xfId="0" applyFont="1" applyFill="1" applyBorder="1" applyAlignment="1">
      <alignment horizontal="center" vertical="center"/>
    </xf>
    <xf numFmtId="0" fontId="0" fillId="2" borderId="5" xfId="0" applyFont="1" applyFill="1" applyBorder="1" applyAlignment="1">
      <alignment horizontal="center" vertical="center" wrapText="1"/>
    </xf>
    <xf numFmtId="0" fontId="0" fillId="2" borderId="4" xfId="0" applyFont="1" applyFill="1" applyBorder="1" applyAlignment="1">
      <alignment horizontal="center" vertical="center" wrapText="1"/>
    </xf>
    <xf numFmtId="0" fontId="0" fillId="2" borderId="6" xfId="0" applyFont="1" applyFill="1" applyBorder="1" applyAlignment="1">
      <alignment horizontal="center" vertical="center" wrapText="1"/>
    </xf>
    <xf numFmtId="0" fontId="6" fillId="0" borderId="5" xfId="0" applyFont="1" applyFill="1" applyBorder="1" applyAlignment="1">
      <alignment vertical="center"/>
    </xf>
    <xf numFmtId="0" fontId="6" fillId="0" borderId="4" xfId="0" applyFont="1" applyFill="1" applyBorder="1" applyAlignment="1">
      <alignment vertical="center"/>
    </xf>
    <xf numFmtId="0" fontId="6" fillId="0" borderId="6" xfId="0" applyFont="1" applyFill="1" applyBorder="1" applyAlignment="1">
      <alignment vertical="center"/>
    </xf>
    <xf numFmtId="176" fontId="0" fillId="0" borderId="5" xfId="0" applyNumberFormat="1" applyFont="1" applyFill="1" applyBorder="1" applyAlignment="1">
      <alignment vertical="center"/>
    </xf>
    <xf numFmtId="176" fontId="0" fillId="0" borderId="4" xfId="0" applyNumberFormat="1" applyFont="1" applyFill="1" applyBorder="1" applyAlignment="1">
      <alignment vertical="center"/>
    </xf>
    <xf numFmtId="176" fontId="0" fillId="0" borderId="6" xfId="0" applyNumberFormat="1" applyFont="1" applyFill="1" applyBorder="1" applyAlignment="1">
      <alignment vertical="center"/>
    </xf>
    <xf numFmtId="176" fontId="0" fillId="0" borderId="5" xfId="0" applyNumberFormat="1" applyFont="1" applyFill="1" applyBorder="1" applyAlignment="1">
      <alignment horizontal="right" vertical="center"/>
    </xf>
    <xf numFmtId="176" fontId="0" fillId="0" borderId="4" xfId="0" applyNumberFormat="1" applyFont="1" applyFill="1" applyBorder="1" applyAlignment="1">
      <alignment horizontal="right" vertical="center"/>
    </xf>
    <xf numFmtId="176" fontId="0" fillId="0" borderId="6" xfId="0" applyNumberFormat="1" applyFont="1" applyFill="1" applyBorder="1" applyAlignment="1">
      <alignment horizontal="right" vertical="center"/>
    </xf>
    <xf numFmtId="177" fontId="0" fillId="0" borderId="5" xfId="0" applyNumberFormat="1" applyFont="1" applyFill="1" applyBorder="1" applyAlignment="1">
      <alignment horizontal="right" vertical="center"/>
    </xf>
    <xf numFmtId="177" fontId="0" fillId="0" borderId="4" xfId="0" applyNumberFormat="1" applyFont="1" applyFill="1" applyBorder="1" applyAlignment="1">
      <alignment horizontal="right" vertical="center"/>
    </xf>
    <xf numFmtId="177" fontId="0" fillId="0" borderId="6" xfId="0" applyNumberFormat="1" applyFont="1" applyFill="1" applyBorder="1" applyAlignment="1">
      <alignment horizontal="right" vertical="center"/>
    </xf>
    <xf numFmtId="178" fontId="0" fillId="0" borderId="5" xfId="0" applyNumberFormat="1" applyFont="1" applyFill="1" applyBorder="1" applyAlignment="1">
      <alignment horizontal="right" vertical="center"/>
    </xf>
    <xf numFmtId="178" fontId="0" fillId="0" borderId="6" xfId="0" applyNumberFormat="1" applyFont="1" applyFill="1" applyBorder="1" applyAlignment="1">
      <alignment horizontal="right" vertical="center"/>
    </xf>
    <xf numFmtId="179" fontId="0" fillId="0" borderId="5" xfId="0" applyNumberFormat="1" applyFont="1" applyBorder="1" applyAlignment="1">
      <alignment horizontal="right" vertical="center"/>
    </xf>
    <xf numFmtId="179" fontId="0" fillId="0" borderId="4" xfId="0" applyNumberFormat="1" applyFont="1" applyBorder="1" applyAlignment="1">
      <alignment horizontal="right" vertical="center"/>
    </xf>
    <xf numFmtId="179" fontId="0" fillId="0" borderId="6" xfId="0" applyNumberFormat="1" applyFont="1" applyBorder="1" applyAlignment="1">
      <alignment horizontal="right" vertical="center"/>
    </xf>
    <xf numFmtId="180" fontId="0" fillId="0" borderId="5" xfId="0" applyNumberFormat="1" applyFont="1" applyFill="1" applyBorder="1" applyAlignment="1">
      <alignment horizontal="right" vertical="center"/>
    </xf>
    <xf numFmtId="180" fontId="0" fillId="0" borderId="6" xfId="0" applyNumberFormat="1" applyFont="1" applyFill="1" applyBorder="1" applyAlignment="1">
      <alignment horizontal="right" vertical="center"/>
    </xf>
    <xf numFmtId="0" fontId="6" fillId="0" borderId="5" xfId="0" applyFont="1" applyFill="1" applyBorder="1" applyAlignment="1">
      <alignment horizontal="left" vertical="center"/>
    </xf>
    <xf numFmtId="0" fontId="6" fillId="0" borderId="4" xfId="0" applyFont="1" applyFill="1" applyBorder="1" applyAlignment="1">
      <alignment horizontal="left" vertical="center"/>
    </xf>
    <xf numFmtId="0" fontId="6" fillId="0" borderId="6" xfId="0" applyFont="1" applyFill="1" applyBorder="1" applyAlignment="1">
      <alignment horizontal="left" vertical="center"/>
    </xf>
    <xf numFmtId="176" fontId="0" fillId="0" borderId="4" xfId="0" quotePrefix="1" applyNumberFormat="1" applyFont="1" applyFill="1" applyBorder="1" applyAlignment="1">
      <alignment horizontal="right" vertical="center"/>
    </xf>
    <xf numFmtId="0" fontId="6" fillId="0" borderId="5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176" fontId="0" fillId="3" borderId="5" xfId="0" applyNumberFormat="1" applyFont="1" applyFill="1" applyBorder="1" applyAlignment="1">
      <alignment vertical="center"/>
    </xf>
    <xf numFmtId="176" fontId="0" fillId="3" borderId="4" xfId="0" applyNumberFormat="1" applyFont="1" applyFill="1" applyBorder="1" applyAlignment="1">
      <alignment vertical="center"/>
    </xf>
    <xf numFmtId="176" fontId="0" fillId="3" borderId="6" xfId="0" applyNumberFormat="1" applyFont="1" applyFill="1" applyBorder="1" applyAlignment="1">
      <alignment vertical="center"/>
    </xf>
    <xf numFmtId="177" fontId="0" fillId="3" borderId="5" xfId="0" applyNumberFormat="1" applyFont="1" applyFill="1" applyBorder="1" applyAlignment="1">
      <alignment horizontal="right" vertical="center"/>
    </xf>
    <xf numFmtId="177" fontId="0" fillId="3" borderId="4" xfId="0" applyNumberFormat="1" applyFont="1" applyFill="1" applyBorder="1" applyAlignment="1">
      <alignment horizontal="right" vertical="center"/>
    </xf>
    <xf numFmtId="177" fontId="0" fillId="3" borderId="6" xfId="0" applyNumberFormat="1" applyFont="1" applyFill="1" applyBorder="1" applyAlignment="1">
      <alignment horizontal="right" vertical="center"/>
    </xf>
    <xf numFmtId="0" fontId="0" fillId="0" borderId="11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179" fontId="0" fillId="0" borderId="11" xfId="0" applyNumberFormat="1" applyFont="1" applyBorder="1" applyAlignment="1">
      <alignment horizontal="center" vertical="center"/>
    </xf>
    <xf numFmtId="179" fontId="0" fillId="0" borderId="12" xfId="0" applyNumberFormat="1" applyFont="1" applyBorder="1" applyAlignment="1">
      <alignment horizontal="center" vertical="center"/>
    </xf>
    <xf numFmtId="0" fontId="6" fillId="3" borderId="5" xfId="0" applyFont="1" applyFill="1" applyBorder="1" applyAlignment="1">
      <alignment horizontal="center" vertical="center"/>
    </xf>
    <xf numFmtId="0" fontId="6" fillId="3" borderId="4" xfId="0" applyFont="1" applyFill="1" applyBorder="1" applyAlignment="1">
      <alignment horizontal="center" vertical="center"/>
    </xf>
    <xf numFmtId="0" fontId="6" fillId="3" borderId="6" xfId="0" applyFont="1" applyFill="1" applyBorder="1" applyAlignment="1">
      <alignment horizontal="center" vertical="center"/>
    </xf>
    <xf numFmtId="176" fontId="0" fillId="3" borderId="5" xfId="0" applyNumberFormat="1" applyFont="1" applyFill="1" applyBorder="1" applyAlignment="1">
      <alignment horizontal="right" vertical="center"/>
    </xf>
    <xf numFmtId="176" fontId="0" fillId="3" borderId="4" xfId="0" applyNumberFormat="1" applyFont="1" applyFill="1" applyBorder="1" applyAlignment="1">
      <alignment horizontal="right" vertical="center"/>
    </xf>
    <xf numFmtId="176" fontId="0" fillId="3" borderId="6" xfId="0" applyNumberFormat="1" applyFont="1" applyFill="1" applyBorder="1" applyAlignment="1">
      <alignment horizontal="right" vertical="center"/>
    </xf>
    <xf numFmtId="0" fontId="0" fillId="3" borderId="11" xfId="0" applyFont="1" applyFill="1" applyBorder="1" applyAlignment="1">
      <alignment horizontal="center" vertical="center"/>
    </xf>
    <xf numFmtId="0" fontId="0" fillId="3" borderId="12" xfId="0" applyFont="1" applyFill="1" applyBorder="1" applyAlignment="1">
      <alignment horizontal="center" vertical="center"/>
    </xf>
    <xf numFmtId="179" fontId="0" fillId="3" borderId="5" xfId="0" applyNumberFormat="1" applyFont="1" applyFill="1" applyBorder="1" applyAlignment="1">
      <alignment horizontal="right" vertical="center"/>
    </xf>
    <xf numFmtId="179" fontId="0" fillId="3" borderId="4" xfId="0" applyNumberFormat="1" applyFont="1" applyFill="1" applyBorder="1" applyAlignment="1">
      <alignment horizontal="right" vertical="center"/>
    </xf>
    <xf numFmtId="179" fontId="0" fillId="3" borderId="6" xfId="0" applyNumberFormat="1" applyFont="1" applyFill="1" applyBorder="1" applyAlignment="1">
      <alignment horizontal="right" vertical="center"/>
    </xf>
    <xf numFmtId="179" fontId="0" fillId="3" borderId="11" xfId="0" applyNumberFormat="1" applyFont="1" applyFill="1" applyBorder="1" applyAlignment="1">
      <alignment horizontal="center" vertical="center"/>
    </xf>
    <xf numFmtId="179" fontId="0" fillId="3" borderId="12" xfId="0" applyNumberFormat="1" applyFont="1" applyFill="1" applyBorder="1" applyAlignment="1">
      <alignment horizontal="center" vertical="center"/>
    </xf>
    <xf numFmtId="181" fontId="0" fillId="0" borderId="5" xfId="0" applyNumberFormat="1" applyFont="1" applyFill="1" applyBorder="1" applyAlignment="1">
      <alignment vertical="center"/>
    </xf>
    <xf numFmtId="181" fontId="0" fillId="0" borderId="4" xfId="0" applyNumberFormat="1" applyFont="1" applyFill="1" applyBorder="1" applyAlignment="1">
      <alignment vertical="center"/>
    </xf>
    <xf numFmtId="181" fontId="0" fillId="0" borderId="6" xfId="0" applyNumberFormat="1" applyFont="1" applyFill="1" applyBorder="1" applyAlignment="1">
      <alignment vertical="center"/>
    </xf>
    <xf numFmtId="0" fontId="0" fillId="0" borderId="5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181" fontId="0" fillId="3" borderId="5" xfId="0" applyNumberFormat="1" applyFont="1" applyFill="1" applyBorder="1" applyAlignment="1">
      <alignment horizontal="right" vertical="center"/>
    </xf>
    <xf numFmtId="181" fontId="0" fillId="3" borderId="4" xfId="0" applyNumberFormat="1" applyFont="1" applyFill="1" applyBorder="1" applyAlignment="1">
      <alignment horizontal="right" vertical="center"/>
    </xf>
    <xf numFmtId="181" fontId="0" fillId="3" borderId="6" xfId="0" applyNumberFormat="1" applyFont="1" applyFill="1" applyBorder="1" applyAlignment="1">
      <alignment horizontal="right" vertical="center"/>
    </xf>
    <xf numFmtId="0" fontId="6" fillId="0" borderId="5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181" fontId="0" fillId="0" borderId="5" xfId="0" applyNumberFormat="1" applyFont="1" applyFill="1" applyBorder="1" applyAlignment="1">
      <alignment horizontal="right" vertical="center"/>
    </xf>
    <xf numFmtId="181" fontId="0" fillId="0" borderId="6" xfId="0" applyNumberFormat="1" applyFont="1" applyFill="1" applyBorder="1" applyAlignment="1">
      <alignment horizontal="right" vertical="center"/>
    </xf>
    <xf numFmtId="0" fontId="6" fillId="0" borderId="4" xfId="0" applyFont="1" applyFill="1" applyBorder="1" applyAlignment="1">
      <alignment horizontal="center" vertical="center"/>
    </xf>
    <xf numFmtId="182" fontId="0" fillId="3" borderId="5" xfId="0" applyNumberFormat="1" applyFont="1" applyFill="1" applyBorder="1" applyAlignment="1">
      <alignment horizontal="right" vertical="center"/>
    </xf>
    <xf numFmtId="182" fontId="0" fillId="3" borderId="4" xfId="0" applyNumberFormat="1" applyFont="1" applyFill="1" applyBorder="1" applyAlignment="1">
      <alignment horizontal="right" vertical="center"/>
    </xf>
    <xf numFmtId="182" fontId="0" fillId="3" borderId="6" xfId="0" applyNumberFormat="1" applyFont="1" applyFill="1" applyBorder="1" applyAlignment="1">
      <alignment horizontal="right" vertical="center"/>
    </xf>
    <xf numFmtId="0" fontId="0" fillId="0" borderId="5" xfId="0" applyFont="1" applyFill="1" applyBorder="1" applyAlignment="1">
      <alignment horizontal="right" vertical="center"/>
    </xf>
    <xf numFmtId="0" fontId="0" fillId="0" borderId="6" xfId="0" applyFont="1" applyFill="1" applyBorder="1" applyAlignment="1">
      <alignment horizontal="right" vertical="center"/>
    </xf>
    <xf numFmtId="0" fontId="6" fillId="3" borderId="5" xfId="0" applyFont="1" applyFill="1" applyBorder="1" applyAlignment="1">
      <alignment horizontal="center" vertical="center" shrinkToFit="1"/>
    </xf>
    <xf numFmtId="0" fontId="6" fillId="3" borderId="4" xfId="0" applyFont="1" applyFill="1" applyBorder="1" applyAlignment="1">
      <alignment horizontal="center" vertical="center" shrinkToFit="1"/>
    </xf>
    <xf numFmtId="0" fontId="6" fillId="3" borderId="6" xfId="0" applyFont="1" applyFill="1" applyBorder="1" applyAlignment="1">
      <alignment horizontal="center" vertical="center" shrinkToFit="1"/>
    </xf>
    <xf numFmtId="181" fontId="0" fillId="3" borderId="5" xfId="0" applyNumberFormat="1" applyFont="1" applyFill="1" applyBorder="1" applyAlignment="1">
      <alignment vertical="center"/>
    </xf>
    <xf numFmtId="181" fontId="0" fillId="3" borderId="4" xfId="0" applyNumberFormat="1" applyFont="1" applyFill="1" applyBorder="1" applyAlignment="1">
      <alignment vertical="center"/>
    </xf>
    <xf numFmtId="181" fontId="0" fillId="3" borderId="6" xfId="0" applyNumberFormat="1" applyFont="1" applyFill="1" applyBorder="1" applyAlignment="1">
      <alignment vertical="center"/>
    </xf>
    <xf numFmtId="0" fontId="6" fillId="0" borderId="5" xfId="0" applyFont="1" applyFill="1" applyBorder="1" applyAlignment="1">
      <alignment horizontal="center" vertical="center" shrinkToFit="1"/>
    </xf>
    <xf numFmtId="0" fontId="6" fillId="0" borderId="6" xfId="0" applyFont="1" applyFill="1" applyBorder="1" applyAlignment="1">
      <alignment horizontal="center" vertical="center" shrinkToFit="1"/>
    </xf>
    <xf numFmtId="0" fontId="1" fillId="0" borderId="5" xfId="0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0" fillId="0" borderId="4" xfId="0" applyFont="1" applyFill="1" applyBorder="1" applyAlignment="1">
      <alignment horizontal="right" vertical="center"/>
    </xf>
    <xf numFmtId="0" fontId="0" fillId="0" borderId="5" xfId="0" applyFill="1" applyBorder="1" applyAlignment="1">
      <alignment horizontal="right" vertical="center"/>
    </xf>
    <xf numFmtId="0" fontId="0" fillId="0" borderId="4" xfId="0" applyFill="1" applyBorder="1" applyAlignment="1">
      <alignment horizontal="right" vertical="center"/>
    </xf>
    <xf numFmtId="0" fontId="0" fillId="0" borderId="6" xfId="0" applyFill="1" applyBorder="1" applyAlignment="1">
      <alignment horizontal="right" vertical="center"/>
    </xf>
    <xf numFmtId="182" fontId="0" fillId="3" borderId="5" xfId="0" applyNumberFormat="1" applyFill="1" applyBorder="1" applyAlignment="1">
      <alignment horizontal="right" vertical="center"/>
    </xf>
    <xf numFmtId="182" fontId="0" fillId="3" borderId="4" xfId="0" applyNumberFormat="1" applyFill="1" applyBorder="1" applyAlignment="1">
      <alignment horizontal="right" vertical="center"/>
    </xf>
    <xf numFmtId="182" fontId="0" fillId="3" borderId="6" xfId="0" applyNumberForma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4:AA47"/>
  <sheetViews>
    <sheetView tabSelected="1" view="pageBreakPreview" zoomScaleNormal="100" zoomScaleSheetLayoutView="100" workbookViewId="0">
      <selection activeCell="B1" sqref="B1"/>
    </sheetView>
  </sheetViews>
  <sheetFormatPr defaultColWidth="3.125" defaultRowHeight="15" customHeight="1" x14ac:dyDescent="0.15"/>
  <cols>
    <col min="1" max="4" width="3.125" style="1" customWidth="1"/>
    <col min="5" max="11" width="3.125" style="1"/>
    <col min="12" max="13" width="6.25" style="1" customWidth="1"/>
    <col min="14" max="16384" width="3.125" style="1"/>
  </cols>
  <sheetData>
    <row r="4" spans="1:27" ht="24.95" customHeight="1" x14ac:dyDescent="0.2">
      <c r="B4" s="29" t="s">
        <v>0</v>
      </c>
      <c r="C4" s="29"/>
      <c r="D4" s="29"/>
      <c r="E4" s="29"/>
      <c r="F4" s="29"/>
      <c r="G4" s="29"/>
      <c r="H4" s="29"/>
      <c r="I4" s="29"/>
      <c r="J4" s="29"/>
      <c r="K4" s="29"/>
      <c r="L4" s="29"/>
      <c r="M4" s="29"/>
      <c r="N4" s="29"/>
      <c r="O4" s="29"/>
      <c r="P4" s="29"/>
      <c r="Q4" s="29"/>
      <c r="R4" s="29"/>
      <c r="S4" s="29"/>
      <c r="T4" s="29"/>
      <c r="U4" s="29"/>
      <c r="V4" s="29"/>
      <c r="W4" s="29"/>
      <c r="X4" s="29"/>
      <c r="Y4" s="29"/>
      <c r="Z4" s="29"/>
      <c r="AA4" s="29"/>
    </row>
    <row r="5" spans="1:27" ht="15.95" customHeight="1" x14ac:dyDescent="0.2"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</row>
    <row r="6" spans="1:27" s="3" customFormat="1" ht="20.100000000000001" customHeight="1" x14ac:dyDescent="0.15">
      <c r="B6" s="3" t="s">
        <v>1</v>
      </c>
    </row>
    <row r="7" spans="1:27" ht="35.1" customHeight="1" x14ac:dyDescent="0.15">
      <c r="B7" s="30" t="s">
        <v>2</v>
      </c>
      <c r="C7" s="31"/>
      <c r="D7" s="32"/>
      <c r="E7" s="36" t="s">
        <v>3</v>
      </c>
      <c r="F7" s="37"/>
      <c r="G7" s="37"/>
      <c r="H7" s="38"/>
      <c r="I7" s="36" t="s">
        <v>4</v>
      </c>
      <c r="J7" s="37"/>
      <c r="K7" s="37"/>
      <c r="L7" s="4"/>
      <c r="M7" s="4"/>
      <c r="N7" s="42" t="s">
        <v>5</v>
      </c>
      <c r="O7" s="43"/>
      <c r="P7" s="43"/>
      <c r="Q7" s="43"/>
      <c r="R7" s="44"/>
      <c r="S7" s="36" t="s">
        <v>6</v>
      </c>
      <c r="T7" s="37"/>
      <c r="U7" s="37"/>
      <c r="V7" s="38"/>
      <c r="W7" s="45" t="s">
        <v>7</v>
      </c>
      <c r="X7" s="46"/>
      <c r="Y7" s="46"/>
      <c r="Z7" s="46"/>
      <c r="AA7" s="47"/>
    </row>
    <row r="8" spans="1:27" ht="30" customHeight="1" x14ac:dyDescent="0.15">
      <c r="B8" s="33"/>
      <c r="C8" s="34"/>
      <c r="D8" s="35"/>
      <c r="E8" s="39"/>
      <c r="F8" s="40"/>
      <c r="G8" s="40"/>
      <c r="H8" s="41"/>
      <c r="I8" s="39"/>
      <c r="J8" s="40"/>
      <c r="K8" s="40"/>
      <c r="L8" s="5" t="s">
        <v>8</v>
      </c>
      <c r="M8" s="6" t="s">
        <v>9</v>
      </c>
      <c r="N8" s="48" t="s">
        <v>10</v>
      </c>
      <c r="O8" s="49"/>
      <c r="P8" s="50"/>
      <c r="Q8" s="48" t="s">
        <v>11</v>
      </c>
      <c r="R8" s="50"/>
      <c r="S8" s="39"/>
      <c r="T8" s="40"/>
      <c r="U8" s="40"/>
      <c r="V8" s="41"/>
      <c r="W8" s="45" t="s">
        <v>12</v>
      </c>
      <c r="X8" s="46"/>
      <c r="Y8" s="47"/>
      <c r="Z8" s="48" t="s">
        <v>11</v>
      </c>
      <c r="AA8" s="50"/>
    </row>
    <row r="9" spans="1:27" ht="17.100000000000001" customHeight="1" x14ac:dyDescent="0.15">
      <c r="A9" s="7">
        <v>1</v>
      </c>
      <c r="B9" s="51" t="s">
        <v>13</v>
      </c>
      <c r="C9" s="52"/>
      <c r="D9" s="53"/>
      <c r="E9" s="54">
        <v>205249</v>
      </c>
      <c r="F9" s="55"/>
      <c r="G9" s="55"/>
      <c r="H9" s="56"/>
      <c r="I9" s="57">
        <v>145</v>
      </c>
      <c r="J9" s="58"/>
      <c r="K9" s="59"/>
      <c r="L9" s="8">
        <v>14</v>
      </c>
      <c r="M9" s="9">
        <v>131</v>
      </c>
      <c r="N9" s="60">
        <v>70.650000000000006</v>
      </c>
      <c r="O9" s="61"/>
      <c r="P9" s="62"/>
      <c r="Q9" s="63">
        <v>18</v>
      </c>
      <c r="R9" s="64"/>
      <c r="S9" s="57">
        <v>58099</v>
      </c>
      <c r="T9" s="58"/>
      <c r="U9" s="58"/>
      <c r="V9" s="59"/>
      <c r="W9" s="65">
        <v>0.29199999999999998</v>
      </c>
      <c r="X9" s="66"/>
      <c r="Y9" s="67"/>
      <c r="Z9" s="68">
        <v>19</v>
      </c>
      <c r="AA9" s="69"/>
    </row>
    <row r="10" spans="1:27" ht="17.100000000000001" customHeight="1" x14ac:dyDescent="0.15">
      <c r="A10" s="7">
        <v>2</v>
      </c>
      <c r="B10" s="70" t="s">
        <v>14</v>
      </c>
      <c r="C10" s="71"/>
      <c r="D10" s="72"/>
      <c r="E10" s="54">
        <v>56598</v>
      </c>
      <c r="F10" s="55"/>
      <c r="G10" s="55"/>
      <c r="H10" s="56"/>
      <c r="I10" s="57">
        <v>46</v>
      </c>
      <c r="J10" s="58"/>
      <c r="K10" s="59"/>
      <c r="L10" s="8">
        <v>3</v>
      </c>
      <c r="M10" s="9">
        <v>43</v>
      </c>
      <c r="N10" s="60">
        <v>81.27</v>
      </c>
      <c r="O10" s="61"/>
      <c r="P10" s="62"/>
      <c r="Q10" s="63">
        <v>16</v>
      </c>
      <c r="R10" s="64"/>
      <c r="S10" s="57">
        <v>19663</v>
      </c>
      <c r="T10" s="58"/>
      <c r="U10" s="58"/>
      <c r="V10" s="59"/>
      <c r="W10" s="65">
        <v>0.35099999999999998</v>
      </c>
      <c r="X10" s="66"/>
      <c r="Y10" s="67"/>
      <c r="Z10" s="68">
        <v>17</v>
      </c>
      <c r="AA10" s="69"/>
    </row>
    <row r="11" spans="1:27" ht="17.100000000000001" customHeight="1" x14ac:dyDescent="0.15">
      <c r="A11" s="7">
        <v>3</v>
      </c>
      <c r="B11" s="70" t="s">
        <v>15</v>
      </c>
      <c r="C11" s="71"/>
      <c r="D11" s="72"/>
      <c r="E11" s="54">
        <v>172360</v>
      </c>
      <c r="F11" s="55"/>
      <c r="G11" s="55"/>
      <c r="H11" s="56"/>
      <c r="I11" s="57">
        <v>138</v>
      </c>
      <c r="J11" s="58"/>
      <c r="K11" s="59"/>
      <c r="L11" s="8">
        <v>18</v>
      </c>
      <c r="M11" s="9">
        <v>120</v>
      </c>
      <c r="N11" s="60">
        <v>80.06</v>
      </c>
      <c r="O11" s="61"/>
      <c r="P11" s="62"/>
      <c r="Q11" s="63">
        <v>17</v>
      </c>
      <c r="R11" s="64"/>
      <c r="S11" s="57">
        <v>51105</v>
      </c>
      <c r="T11" s="58"/>
      <c r="U11" s="58"/>
      <c r="V11" s="59"/>
      <c r="W11" s="65">
        <v>0.29899999999999999</v>
      </c>
      <c r="X11" s="66"/>
      <c r="Y11" s="67"/>
      <c r="Z11" s="68">
        <v>18</v>
      </c>
      <c r="AA11" s="69"/>
    </row>
    <row r="12" spans="1:27" ht="17.100000000000001" customHeight="1" x14ac:dyDescent="0.15">
      <c r="A12" s="7">
        <v>4</v>
      </c>
      <c r="B12" s="70" t="s">
        <v>16</v>
      </c>
      <c r="C12" s="71"/>
      <c r="D12" s="72"/>
      <c r="E12" s="54">
        <v>46537</v>
      </c>
      <c r="F12" s="55"/>
      <c r="G12" s="55"/>
      <c r="H12" s="56"/>
      <c r="I12" s="57">
        <v>49</v>
      </c>
      <c r="J12" s="58"/>
      <c r="K12" s="59"/>
      <c r="L12" s="8">
        <v>6</v>
      </c>
      <c r="M12" s="9">
        <v>43</v>
      </c>
      <c r="N12" s="60">
        <v>105.29</v>
      </c>
      <c r="O12" s="61"/>
      <c r="P12" s="62"/>
      <c r="Q12" s="63">
        <v>14</v>
      </c>
      <c r="R12" s="64"/>
      <c r="S12" s="57">
        <v>17072</v>
      </c>
      <c r="T12" s="58"/>
      <c r="U12" s="58"/>
      <c r="V12" s="59"/>
      <c r="W12" s="65">
        <v>0.36799999999999999</v>
      </c>
      <c r="X12" s="66"/>
      <c r="Y12" s="67"/>
      <c r="Z12" s="68">
        <v>15</v>
      </c>
      <c r="AA12" s="69"/>
    </row>
    <row r="13" spans="1:27" ht="17.100000000000001" customHeight="1" x14ac:dyDescent="0.15">
      <c r="A13" s="7">
        <v>5</v>
      </c>
      <c r="B13" s="70" t="s">
        <v>17</v>
      </c>
      <c r="C13" s="71"/>
      <c r="D13" s="72"/>
      <c r="E13" s="54">
        <v>33997</v>
      </c>
      <c r="F13" s="55"/>
      <c r="G13" s="55"/>
      <c r="H13" s="56"/>
      <c r="I13" s="57">
        <v>45</v>
      </c>
      <c r="J13" s="58"/>
      <c r="K13" s="59"/>
      <c r="L13" s="8">
        <v>3</v>
      </c>
      <c r="M13" s="9">
        <v>42</v>
      </c>
      <c r="N13" s="60">
        <v>132.36000000000001</v>
      </c>
      <c r="O13" s="61"/>
      <c r="P13" s="62"/>
      <c r="Q13" s="63">
        <v>11</v>
      </c>
      <c r="R13" s="64"/>
      <c r="S13" s="57">
        <v>13336</v>
      </c>
      <c r="T13" s="58"/>
      <c r="U13" s="58"/>
      <c r="V13" s="59"/>
      <c r="W13" s="65">
        <v>0.39400000000000002</v>
      </c>
      <c r="X13" s="66"/>
      <c r="Y13" s="67"/>
      <c r="Z13" s="68">
        <v>12</v>
      </c>
      <c r="AA13" s="69"/>
    </row>
    <row r="14" spans="1:27" ht="17.100000000000001" customHeight="1" x14ac:dyDescent="0.15">
      <c r="A14" s="7">
        <v>6</v>
      </c>
      <c r="B14" s="70" t="s">
        <v>18</v>
      </c>
      <c r="C14" s="71"/>
      <c r="D14" s="72"/>
      <c r="E14" s="54">
        <v>38569</v>
      </c>
      <c r="F14" s="55"/>
      <c r="G14" s="55"/>
      <c r="H14" s="56"/>
      <c r="I14" s="57">
        <v>50</v>
      </c>
      <c r="J14" s="58"/>
      <c r="K14" s="59"/>
      <c r="L14" s="8">
        <v>6</v>
      </c>
      <c r="M14" s="9">
        <v>44</v>
      </c>
      <c r="N14" s="60">
        <v>129.63999999999999</v>
      </c>
      <c r="O14" s="61"/>
      <c r="P14" s="62"/>
      <c r="Q14" s="63">
        <v>12</v>
      </c>
      <c r="R14" s="64"/>
      <c r="S14" s="57">
        <v>14021</v>
      </c>
      <c r="T14" s="58"/>
      <c r="U14" s="58"/>
      <c r="V14" s="59"/>
      <c r="W14" s="65">
        <v>0.36699999999999999</v>
      </c>
      <c r="X14" s="66"/>
      <c r="Y14" s="67"/>
      <c r="Z14" s="68">
        <v>16</v>
      </c>
      <c r="AA14" s="69"/>
    </row>
    <row r="15" spans="1:27" ht="17.100000000000001" customHeight="1" x14ac:dyDescent="0.15">
      <c r="A15" s="7">
        <v>7</v>
      </c>
      <c r="B15" s="70" t="s">
        <v>19</v>
      </c>
      <c r="C15" s="71"/>
      <c r="D15" s="72"/>
      <c r="E15" s="54">
        <v>23830</v>
      </c>
      <c r="F15" s="55"/>
      <c r="G15" s="55"/>
      <c r="H15" s="56"/>
      <c r="I15" s="57">
        <v>33</v>
      </c>
      <c r="J15" s="58"/>
      <c r="K15" s="59"/>
      <c r="L15" s="8">
        <v>5</v>
      </c>
      <c r="M15" s="9">
        <v>28</v>
      </c>
      <c r="N15" s="60">
        <v>138.47999999999999</v>
      </c>
      <c r="O15" s="61"/>
      <c r="P15" s="62"/>
      <c r="Q15" s="63">
        <v>8</v>
      </c>
      <c r="R15" s="64"/>
      <c r="S15" s="57">
        <v>9027</v>
      </c>
      <c r="T15" s="58"/>
      <c r="U15" s="58"/>
      <c r="V15" s="59"/>
      <c r="W15" s="65">
        <v>0.379</v>
      </c>
      <c r="X15" s="66"/>
      <c r="Y15" s="67"/>
      <c r="Z15" s="68">
        <v>14</v>
      </c>
      <c r="AA15" s="69"/>
    </row>
    <row r="16" spans="1:27" ht="17.100000000000001" customHeight="1" x14ac:dyDescent="0.15">
      <c r="A16" s="7">
        <v>8</v>
      </c>
      <c r="B16" s="70" t="s">
        <v>20</v>
      </c>
      <c r="C16" s="71"/>
      <c r="D16" s="72"/>
      <c r="E16" s="54">
        <v>37794</v>
      </c>
      <c r="F16" s="55"/>
      <c r="G16" s="55"/>
      <c r="H16" s="56"/>
      <c r="I16" s="57">
        <v>57</v>
      </c>
      <c r="J16" s="58"/>
      <c r="K16" s="59"/>
      <c r="L16" s="8">
        <v>6</v>
      </c>
      <c r="M16" s="9">
        <v>51</v>
      </c>
      <c r="N16" s="60">
        <v>150.82</v>
      </c>
      <c r="O16" s="61"/>
      <c r="P16" s="62"/>
      <c r="Q16" s="63">
        <v>7</v>
      </c>
      <c r="R16" s="64"/>
      <c r="S16" s="57">
        <v>14468</v>
      </c>
      <c r="T16" s="58"/>
      <c r="U16" s="58"/>
      <c r="V16" s="59"/>
      <c r="W16" s="65">
        <v>0.38300000000000001</v>
      </c>
      <c r="X16" s="66"/>
      <c r="Y16" s="67"/>
      <c r="Z16" s="68">
        <v>13</v>
      </c>
      <c r="AA16" s="69"/>
    </row>
    <row r="17" spans="1:27" ht="17.100000000000001" customHeight="1" x14ac:dyDescent="0.15">
      <c r="A17" s="7">
        <v>9</v>
      </c>
      <c r="B17" s="70" t="s">
        <v>21</v>
      </c>
      <c r="C17" s="71"/>
      <c r="D17" s="72"/>
      <c r="E17" s="54">
        <v>12454</v>
      </c>
      <c r="F17" s="55"/>
      <c r="G17" s="55"/>
      <c r="H17" s="56"/>
      <c r="I17" s="57">
        <v>21</v>
      </c>
      <c r="J17" s="58"/>
      <c r="K17" s="59"/>
      <c r="L17" s="8">
        <v>4</v>
      </c>
      <c r="M17" s="9">
        <v>17</v>
      </c>
      <c r="N17" s="60">
        <v>168.62</v>
      </c>
      <c r="O17" s="61"/>
      <c r="P17" s="62"/>
      <c r="Q17" s="63">
        <v>6</v>
      </c>
      <c r="R17" s="64"/>
      <c r="S17" s="57">
        <v>5323</v>
      </c>
      <c r="T17" s="58"/>
      <c r="U17" s="58"/>
      <c r="V17" s="59"/>
      <c r="W17" s="65">
        <v>0.42699999999999999</v>
      </c>
      <c r="X17" s="66"/>
      <c r="Y17" s="67"/>
      <c r="Z17" s="68">
        <v>9</v>
      </c>
      <c r="AA17" s="69"/>
    </row>
    <row r="18" spans="1:27" ht="17.100000000000001" customHeight="1" x14ac:dyDescent="0.15">
      <c r="A18" s="7">
        <v>10</v>
      </c>
      <c r="B18" s="70" t="s">
        <v>22</v>
      </c>
      <c r="C18" s="71"/>
      <c r="D18" s="72"/>
      <c r="E18" s="54">
        <v>4883</v>
      </c>
      <c r="F18" s="55"/>
      <c r="G18" s="55"/>
      <c r="H18" s="56"/>
      <c r="I18" s="57">
        <v>9</v>
      </c>
      <c r="J18" s="58"/>
      <c r="K18" s="59"/>
      <c r="L18" s="8">
        <v>1</v>
      </c>
      <c r="M18" s="9">
        <v>8</v>
      </c>
      <c r="N18" s="60">
        <v>184.31</v>
      </c>
      <c r="O18" s="61"/>
      <c r="P18" s="62"/>
      <c r="Q18" s="63">
        <v>5</v>
      </c>
      <c r="R18" s="64"/>
      <c r="S18" s="57">
        <v>2192</v>
      </c>
      <c r="T18" s="58"/>
      <c r="U18" s="58"/>
      <c r="V18" s="59"/>
      <c r="W18" s="65">
        <v>0.44900000000000001</v>
      </c>
      <c r="X18" s="66"/>
      <c r="Y18" s="67"/>
      <c r="Z18" s="68">
        <v>4</v>
      </c>
      <c r="AA18" s="69"/>
    </row>
    <row r="19" spans="1:27" ht="17.100000000000001" customHeight="1" x14ac:dyDescent="0.15">
      <c r="A19" s="7">
        <v>11</v>
      </c>
      <c r="B19" s="70" t="s">
        <v>23</v>
      </c>
      <c r="C19" s="71"/>
      <c r="D19" s="72"/>
      <c r="E19" s="54">
        <v>3308</v>
      </c>
      <c r="F19" s="55"/>
      <c r="G19" s="55"/>
      <c r="H19" s="56"/>
      <c r="I19" s="57">
        <v>10</v>
      </c>
      <c r="J19" s="58"/>
      <c r="K19" s="59"/>
      <c r="L19" s="8">
        <v>0</v>
      </c>
      <c r="M19" s="9">
        <v>10</v>
      </c>
      <c r="N19" s="60">
        <v>302.3</v>
      </c>
      <c r="O19" s="61"/>
      <c r="P19" s="62"/>
      <c r="Q19" s="63">
        <v>2</v>
      </c>
      <c r="R19" s="64"/>
      <c r="S19" s="57">
        <v>1480</v>
      </c>
      <c r="T19" s="58"/>
      <c r="U19" s="58"/>
      <c r="V19" s="59"/>
      <c r="W19" s="65">
        <v>0.44700000000000001</v>
      </c>
      <c r="X19" s="66"/>
      <c r="Y19" s="67"/>
      <c r="Z19" s="68">
        <v>5</v>
      </c>
      <c r="AA19" s="69"/>
    </row>
    <row r="20" spans="1:27" ht="17.100000000000001" customHeight="1" x14ac:dyDescent="0.15">
      <c r="A20" s="7">
        <v>12</v>
      </c>
      <c r="B20" s="70" t="s">
        <v>24</v>
      </c>
      <c r="C20" s="71"/>
      <c r="D20" s="72"/>
      <c r="E20" s="54">
        <v>4627</v>
      </c>
      <c r="F20" s="55"/>
      <c r="G20" s="55"/>
      <c r="H20" s="56"/>
      <c r="I20" s="57">
        <v>18</v>
      </c>
      <c r="J20" s="58"/>
      <c r="K20" s="59"/>
      <c r="L20" s="8">
        <v>3</v>
      </c>
      <c r="M20" s="9">
        <v>15</v>
      </c>
      <c r="N20" s="60">
        <v>389.02</v>
      </c>
      <c r="O20" s="61"/>
      <c r="P20" s="62"/>
      <c r="Q20" s="63">
        <v>1</v>
      </c>
      <c r="R20" s="64"/>
      <c r="S20" s="57">
        <v>2138</v>
      </c>
      <c r="T20" s="58"/>
      <c r="U20" s="58"/>
      <c r="V20" s="59"/>
      <c r="W20" s="65">
        <v>0.46200000000000002</v>
      </c>
      <c r="X20" s="66"/>
      <c r="Y20" s="67"/>
      <c r="Z20" s="68">
        <v>3</v>
      </c>
      <c r="AA20" s="69"/>
    </row>
    <row r="21" spans="1:27" ht="17.100000000000001" customHeight="1" x14ac:dyDescent="0.15">
      <c r="A21" s="7">
        <v>13</v>
      </c>
      <c r="B21" s="70" t="s">
        <v>25</v>
      </c>
      <c r="C21" s="71"/>
      <c r="D21" s="72"/>
      <c r="E21" s="54">
        <v>10786</v>
      </c>
      <c r="F21" s="55"/>
      <c r="G21" s="55"/>
      <c r="H21" s="56"/>
      <c r="I21" s="57">
        <v>29</v>
      </c>
      <c r="J21" s="58"/>
      <c r="K21" s="59"/>
      <c r="L21" s="8">
        <v>4</v>
      </c>
      <c r="M21" s="9">
        <v>25</v>
      </c>
      <c r="N21" s="60">
        <v>268.87</v>
      </c>
      <c r="O21" s="61"/>
      <c r="P21" s="62"/>
      <c r="Q21" s="63">
        <v>3</v>
      </c>
      <c r="R21" s="64"/>
      <c r="S21" s="57">
        <v>4737</v>
      </c>
      <c r="T21" s="58"/>
      <c r="U21" s="58"/>
      <c r="V21" s="59"/>
      <c r="W21" s="65">
        <v>0.44</v>
      </c>
      <c r="X21" s="66"/>
      <c r="Y21" s="67"/>
      <c r="Z21" s="68">
        <v>7</v>
      </c>
      <c r="AA21" s="69"/>
    </row>
    <row r="22" spans="1:27" ht="17.100000000000001" customHeight="1" x14ac:dyDescent="0.15">
      <c r="A22" s="7">
        <v>14</v>
      </c>
      <c r="B22" s="70" t="s">
        <v>26</v>
      </c>
      <c r="C22" s="71"/>
      <c r="D22" s="72"/>
      <c r="E22" s="54">
        <v>7372</v>
      </c>
      <c r="F22" s="55"/>
      <c r="G22" s="55"/>
      <c r="H22" s="56"/>
      <c r="I22" s="57">
        <v>6</v>
      </c>
      <c r="J22" s="58"/>
      <c r="K22" s="59"/>
      <c r="L22" s="8">
        <v>0</v>
      </c>
      <c r="M22" s="9">
        <v>6</v>
      </c>
      <c r="N22" s="60">
        <v>81.39</v>
      </c>
      <c r="O22" s="61"/>
      <c r="P22" s="62"/>
      <c r="Q22" s="63">
        <v>15</v>
      </c>
      <c r="R22" s="64"/>
      <c r="S22" s="57">
        <v>3455</v>
      </c>
      <c r="T22" s="58"/>
      <c r="U22" s="58"/>
      <c r="V22" s="59"/>
      <c r="W22" s="65">
        <v>0.47</v>
      </c>
      <c r="X22" s="66"/>
      <c r="Y22" s="67"/>
      <c r="Z22" s="68">
        <v>2</v>
      </c>
      <c r="AA22" s="69"/>
    </row>
    <row r="23" spans="1:27" ht="17.100000000000001" customHeight="1" x14ac:dyDescent="0.15">
      <c r="A23" s="7">
        <v>15</v>
      </c>
      <c r="B23" s="70" t="s">
        <v>27</v>
      </c>
      <c r="C23" s="71"/>
      <c r="D23" s="72"/>
      <c r="E23" s="54">
        <v>6178</v>
      </c>
      <c r="F23" s="55"/>
      <c r="G23" s="55"/>
      <c r="H23" s="56"/>
      <c r="I23" s="57">
        <v>8</v>
      </c>
      <c r="J23" s="58"/>
      <c r="K23" s="59"/>
      <c r="L23" s="8">
        <v>1</v>
      </c>
      <c r="M23" s="9">
        <v>7</v>
      </c>
      <c r="N23" s="60">
        <v>129.49</v>
      </c>
      <c r="O23" s="61"/>
      <c r="P23" s="62"/>
      <c r="Q23" s="63">
        <v>13</v>
      </c>
      <c r="R23" s="64"/>
      <c r="S23" s="57">
        <v>2739</v>
      </c>
      <c r="T23" s="58"/>
      <c r="U23" s="58"/>
      <c r="V23" s="59"/>
      <c r="W23" s="65">
        <v>0.443</v>
      </c>
      <c r="X23" s="66"/>
      <c r="Y23" s="67"/>
      <c r="Z23" s="68">
        <v>6</v>
      </c>
      <c r="AA23" s="69"/>
    </row>
    <row r="24" spans="1:27" ht="17.100000000000001" customHeight="1" x14ac:dyDescent="0.15">
      <c r="A24" s="7">
        <v>16</v>
      </c>
      <c r="B24" s="70" t="s">
        <v>28</v>
      </c>
      <c r="C24" s="71"/>
      <c r="D24" s="72"/>
      <c r="E24" s="54">
        <v>2300</v>
      </c>
      <c r="F24" s="55"/>
      <c r="G24" s="55"/>
      <c r="H24" s="56"/>
      <c r="I24" s="57">
        <v>5</v>
      </c>
      <c r="J24" s="58"/>
      <c r="K24" s="59"/>
      <c r="L24" s="8">
        <v>3</v>
      </c>
      <c r="M24" s="9">
        <v>2</v>
      </c>
      <c r="N24" s="60">
        <v>217.39</v>
      </c>
      <c r="O24" s="61"/>
      <c r="P24" s="62"/>
      <c r="Q24" s="63">
        <v>4</v>
      </c>
      <c r="R24" s="64"/>
      <c r="S24" s="57">
        <v>912</v>
      </c>
      <c r="T24" s="58"/>
      <c r="U24" s="58"/>
      <c r="V24" s="59"/>
      <c r="W24" s="65">
        <v>0.39700000000000002</v>
      </c>
      <c r="X24" s="66"/>
      <c r="Y24" s="67"/>
      <c r="Z24" s="68">
        <v>11</v>
      </c>
      <c r="AA24" s="69"/>
    </row>
    <row r="25" spans="1:27" ht="17.100000000000001" customHeight="1" x14ac:dyDescent="0.15">
      <c r="A25" s="7">
        <v>17</v>
      </c>
      <c r="B25" s="70" t="s">
        <v>29</v>
      </c>
      <c r="C25" s="71"/>
      <c r="D25" s="72"/>
      <c r="E25" s="54">
        <v>2912</v>
      </c>
      <c r="F25" s="55"/>
      <c r="G25" s="55"/>
      <c r="H25" s="56"/>
      <c r="I25" s="57">
        <v>4</v>
      </c>
      <c r="J25" s="58"/>
      <c r="K25" s="59"/>
      <c r="L25" s="8">
        <v>0</v>
      </c>
      <c r="M25" s="9">
        <v>4</v>
      </c>
      <c r="N25" s="60">
        <v>137.36000000000001</v>
      </c>
      <c r="O25" s="61"/>
      <c r="P25" s="62"/>
      <c r="Q25" s="63">
        <v>9</v>
      </c>
      <c r="R25" s="64"/>
      <c r="S25" s="57">
        <v>1268</v>
      </c>
      <c r="T25" s="58"/>
      <c r="U25" s="58"/>
      <c r="V25" s="59"/>
      <c r="W25" s="65">
        <v>0.435</v>
      </c>
      <c r="X25" s="66"/>
      <c r="Y25" s="67"/>
      <c r="Z25" s="68">
        <v>8</v>
      </c>
      <c r="AA25" s="69"/>
    </row>
    <row r="26" spans="1:27" ht="17.100000000000001" customHeight="1" x14ac:dyDescent="0.15">
      <c r="A26" s="7">
        <v>18</v>
      </c>
      <c r="B26" s="70" t="s">
        <v>30</v>
      </c>
      <c r="C26" s="71"/>
      <c r="D26" s="72"/>
      <c r="E26" s="54">
        <v>635</v>
      </c>
      <c r="F26" s="55"/>
      <c r="G26" s="55"/>
      <c r="H26" s="56"/>
      <c r="I26" s="57">
        <v>0</v>
      </c>
      <c r="J26" s="58"/>
      <c r="K26" s="59"/>
      <c r="L26" s="8">
        <v>0</v>
      </c>
      <c r="M26" s="9">
        <v>0</v>
      </c>
      <c r="N26" s="60">
        <v>0</v>
      </c>
      <c r="O26" s="61"/>
      <c r="P26" s="62"/>
      <c r="Q26" s="63">
        <v>19</v>
      </c>
      <c r="R26" s="64"/>
      <c r="S26" s="57">
        <v>305</v>
      </c>
      <c r="T26" s="58"/>
      <c r="U26" s="58"/>
      <c r="V26" s="59"/>
      <c r="W26" s="65">
        <v>0.48</v>
      </c>
      <c r="X26" s="66"/>
      <c r="Y26" s="67"/>
      <c r="Z26" s="68">
        <v>1</v>
      </c>
      <c r="AA26" s="69"/>
    </row>
    <row r="27" spans="1:27" ht="17.100000000000001" customHeight="1" x14ac:dyDescent="0.15">
      <c r="A27" s="7">
        <v>19</v>
      </c>
      <c r="B27" s="70" t="s">
        <v>31</v>
      </c>
      <c r="C27" s="71"/>
      <c r="D27" s="72"/>
      <c r="E27" s="54">
        <v>14279</v>
      </c>
      <c r="F27" s="55"/>
      <c r="G27" s="55"/>
      <c r="H27" s="56"/>
      <c r="I27" s="57">
        <v>19</v>
      </c>
      <c r="J27" s="58"/>
      <c r="K27" s="59"/>
      <c r="L27" s="8">
        <v>2</v>
      </c>
      <c r="M27" s="9">
        <v>17</v>
      </c>
      <c r="N27" s="60">
        <v>133.06</v>
      </c>
      <c r="O27" s="61"/>
      <c r="P27" s="62"/>
      <c r="Q27" s="63">
        <v>10</v>
      </c>
      <c r="R27" s="64"/>
      <c r="S27" s="57">
        <v>5641</v>
      </c>
      <c r="T27" s="58"/>
      <c r="U27" s="58"/>
      <c r="V27" s="59"/>
      <c r="W27" s="65">
        <v>0.39800000000000002</v>
      </c>
      <c r="X27" s="66"/>
      <c r="Y27" s="67"/>
      <c r="Z27" s="68">
        <v>10</v>
      </c>
      <c r="AA27" s="69"/>
    </row>
    <row r="28" spans="1:27" ht="17.100000000000001" customHeight="1" x14ac:dyDescent="0.15">
      <c r="A28" s="7"/>
      <c r="B28" s="10"/>
      <c r="C28" s="10"/>
      <c r="D28" s="10"/>
      <c r="E28" s="73" t="s">
        <v>32</v>
      </c>
      <c r="F28" s="73"/>
      <c r="G28" s="73"/>
      <c r="H28" s="73"/>
      <c r="I28" s="11"/>
      <c r="J28" s="11"/>
      <c r="K28" s="11"/>
      <c r="L28" s="12"/>
      <c r="M28" s="12"/>
      <c r="N28" s="13"/>
      <c r="O28" s="13"/>
      <c r="P28" s="13"/>
      <c r="Q28" s="14"/>
      <c r="R28" s="14"/>
      <c r="S28" s="73" t="s">
        <v>32</v>
      </c>
      <c r="T28" s="73"/>
      <c r="U28" s="73"/>
      <c r="V28" s="73"/>
      <c r="W28" s="15"/>
      <c r="X28" s="15"/>
      <c r="Y28" s="15"/>
      <c r="Z28" s="16"/>
      <c r="AA28" s="16"/>
    </row>
    <row r="29" spans="1:27" ht="17.100000000000001" customHeight="1" x14ac:dyDescent="0.15">
      <c r="A29" s="7"/>
      <c r="B29" s="74" t="s">
        <v>33</v>
      </c>
      <c r="C29" s="75"/>
      <c r="D29" s="76"/>
      <c r="E29" s="54">
        <v>685</v>
      </c>
      <c r="F29" s="55"/>
      <c r="G29" s="55"/>
      <c r="H29" s="56"/>
      <c r="I29" s="77">
        <v>692</v>
      </c>
      <c r="J29" s="78"/>
      <c r="K29" s="79"/>
      <c r="L29" s="8">
        <v>79</v>
      </c>
      <c r="M29" s="9">
        <v>613</v>
      </c>
      <c r="N29" s="80">
        <v>101.02</v>
      </c>
      <c r="O29" s="81"/>
      <c r="P29" s="82"/>
      <c r="Q29" s="83"/>
      <c r="R29" s="84"/>
      <c r="S29" s="57">
        <v>230</v>
      </c>
      <c r="T29" s="58"/>
      <c r="U29" s="58"/>
      <c r="V29" s="59"/>
      <c r="W29" s="65">
        <v>0.33600000000000002</v>
      </c>
      <c r="X29" s="66"/>
      <c r="Y29" s="67"/>
      <c r="Z29" s="85"/>
      <c r="AA29" s="86"/>
    </row>
    <row r="30" spans="1:27" s="20" customFormat="1" ht="17.100000000000001" customHeight="1" x14ac:dyDescent="0.15">
      <c r="A30" s="17"/>
      <c r="B30" s="87" t="s">
        <v>34</v>
      </c>
      <c r="C30" s="88"/>
      <c r="D30" s="89"/>
      <c r="E30" s="90">
        <v>126706</v>
      </c>
      <c r="F30" s="91"/>
      <c r="G30" s="91"/>
      <c r="H30" s="92"/>
      <c r="I30" s="77">
        <v>69785</v>
      </c>
      <c r="J30" s="78"/>
      <c r="K30" s="79"/>
      <c r="L30" s="18">
        <v>8331</v>
      </c>
      <c r="M30" s="19">
        <v>61454</v>
      </c>
      <c r="N30" s="80">
        <v>55.08</v>
      </c>
      <c r="O30" s="81"/>
      <c r="P30" s="82"/>
      <c r="Q30" s="93"/>
      <c r="R30" s="94"/>
      <c r="S30" s="90">
        <v>35152</v>
      </c>
      <c r="T30" s="91"/>
      <c r="U30" s="91"/>
      <c r="V30" s="92"/>
      <c r="W30" s="95">
        <v>0.27700000000000002</v>
      </c>
      <c r="X30" s="96"/>
      <c r="Y30" s="97"/>
      <c r="Z30" s="98"/>
      <c r="AA30" s="99"/>
    </row>
    <row r="31" spans="1:27" ht="17.100000000000001" customHeight="1" x14ac:dyDescent="0.15">
      <c r="A31" s="7"/>
      <c r="B31" s="21" t="s">
        <v>35</v>
      </c>
      <c r="C31" s="21"/>
      <c r="D31" s="22"/>
      <c r="E31" s="7"/>
      <c r="F31" s="7"/>
      <c r="G31" s="7"/>
      <c r="H31" s="7"/>
      <c r="I31" s="7"/>
      <c r="J31" s="7"/>
      <c r="K31" s="7"/>
      <c r="L31" s="7"/>
      <c r="M31" s="7"/>
      <c r="N31" s="7"/>
      <c r="O31" s="7"/>
      <c r="P31" s="7"/>
      <c r="Q31" s="7"/>
      <c r="R31" s="7"/>
      <c r="S31" s="7"/>
      <c r="T31" s="7"/>
      <c r="U31" s="7"/>
      <c r="V31" s="7"/>
      <c r="W31" s="7"/>
      <c r="X31" s="7"/>
      <c r="Y31" s="7"/>
      <c r="Z31" s="7"/>
      <c r="AA31" s="7"/>
    </row>
    <row r="32" spans="1:27" ht="17.100000000000001" customHeight="1" x14ac:dyDescent="0.15">
      <c r="A32" s="7"/>
      <c r="C32" s="21"/>
      <c r="D32" s="22"/>
      <c r="E32" s="7"/>
      <c r="F32" s="7"/>
      <c r="G32" s="7"/>
      <c r="H32" s="7"/>
      <c r="I32" s="7"/>
      <c r="J32" s="7"/>
      <c r="K32" s="7"/>
      <c r="L32" s="7"/>
      <c r="M32" s="7"/>
      <c r="N32" s="7"/>
      <c r="O32" s="7"/>
      <c r="P32" s="7"/>
      <c r="Q32" s="7"/>
      <c r="R32" s="7"/>
      <c r="S32" s="7"/>
      <c r="T32" s="7"/>
      <c r="U32" s="7"/>
      <c r="V32" s="7"/>
      <c r="W32" s="7"/>
      <c r="X32" s="7"/>
      <c r="Y32" s="7"/>
      <c r="AA32" s="23" t="s">
        <v>36</v>
      </c>
    </row>
    <row r="33" spans="1:27" ht="17.100000000000001" customHeight="1" x14ac:dyDescent="0.15">
      <c r="A33" s="7"/>
      <c r="B33" s="21" t="s">
        <v>37</v>
      </c>
      <c r="C33" s="21"/>
      <c r="D33" s="22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7"/>
      <c r="R33" s="7"/>
      <c r="S33" s="7"/>
      <c r="T33" s="7"/>
      <c r="U33" s="7"/>
      <c r="V33" s="7"/>
      <c r="W33" s="7"/>
      <c r="X33" s="7"/>
      <c r="Y33" s="7"/>
      <c r="Z33" s="7"/>
      <c r="AA33" s="7"/>
    </row>
    <row r="34" spans="1:27" ht="17.100000000000001" customHeight="1" x14ac:dyDescent="0.15">
      <c r="A34" s="7"/>
      <c r="B34" s="24" t="s">
        <v>38</v>
      </c>
      <c r="C34" s="24"/>
      <c r="D34" s="25"/>
      <c r="E34" s="7"/>
      <c r="F34" s="7"/>
      <c r="G34" s="7"/>
      <c r="H34" s="7"/>
      <c r="I34" s="7"/>
      <c r="J34" s="7"/>
      <c r="K34" s="7"/>
      <c r="L34" s="7"/>
      <c r="M34" s="7"/>
      <c r="N34" s="7"/>
      <c r="O34" s="7"/>
      <c r="P34" s="7"/>
      <c r="Q34" s="7"/>
      <c r="R34" s="7"/>
      <c r="S34" s="7"/>
      <c r="T34" s="7"/>
      <c r="U34" s="7"/>
      <c r="V34" s="7"/>
      <c r="W34" s="7"/>
      <c r="X34" s="7"/>
      <c r="Y34" s="7"/>
      <c r="Z34" s="7"/>
      <c r="AA34" s="7"/>
    </row>
    <row r="35" spans="1:27" ht="17.100000000000001" customHeight="1" x14ac:dyDescent="0.15">
      <c r="A35" s="7"/>
      <c r="B35" s="22"/>
      <c r="C35" s="22"/>
      <c r="D35" s="22"/>
      <c r="E35" s="7"/>
      <c r="F35" s="7"/>
      <c r="G35" s="7"/>
      <c r="H35" s="7"/>
      <c r="I35" s="7"/>
      <c r="J35" s="7"/>
      <c r="K35" s="7"/>
      <c r="L35" s="7"/>
      <c r="M35" s="7"/>
      <c r="N35" s="7"/>
      <c r="O35" s="7"/>
      <c r="P35" s="7"/>
      <c r="Q35" s="7"/>
      <c r="R35" s="7"/>
      <c r="S35" s="7"/>
      <c r="T35" s="7"/>
      <c r="U35" s="7"/>
      <c r="V35" s="7"/>
      <c r="W35" s="7"/>
      <c r="X35" s="7"/>
      <c r="Y35" s="7"/>
      <c r="Z35" s="7"/>
      <c r="AA35" s="7"/>
    </row>
    <row r="36" spans="1:27" ht="17.100000000000001" customHeight="1" x14ac:dyDescent="0.15">
      <c r="A36" s="7"/>
      <c r="B36" s="7" t="s">
        <v>39</v>
      </c>
      <c r="C36" s="7"/>
      <c r="D36" s="7"/>
      <c r="E36" s="7"/>
      <c r="F36" s="7"/>
      <c r="G36" s="7"/>
      <c r="H36" s="7"/>
      <c r="I36" s="7"/>
      <c r="J36" s="7"/>
      <c r="K36" s="7"/>
      <c r="L36" s="7"/>
      <c r="M36" s="7"/>
      <c r="N36" s="7"/>
      <c r="O36" s="7"/>
      <c r="P36" s="7"/>
      <c r="Q36" s="26"/>
      <c r="R36" s="26"/>
      <c r="S36" s="26"/>
      <c r="T36" s="26"/>
      <c r="U36" s="26"/>
      <c r="V36" s="26"/>
      <c r="W36" s="26"/>
      <c r="X36" s="26"/>
      <c r="Y36" s="26"/>
      <c r="Z36" s="26"/>
      <c r="AA36" s="7"/>
    </row>
    <row r="37" spans="1:27" ht="17.100000000000001" customHeight="1" x14ac:dyDescent="0.15">
      <c r="A37" s="7"/>
      <c r="B37" s="45"/>
      <c r="C37" s="46"/>
      <c r="D37" s="47"/>
      <c r="E37" s="45" t="s">
        <v>40</v>
      </c>
      <c r="F37" s="46"/>
      <c r="G37" s="46"/>
      <c r="H37" s="46"/>
      <c r="I37" s="46"/>
      <c r="J37" s="47"/>
      <c r="K37" s="45" t="s">
        <v>41</v>
      </c>
      <c r="L37" s="46"/>
      <c r="M37" s="46"/>
      <c r="N37" s="47"/>
      <c r="O37" s="45" t="s">
        <v>42</v>
      </c>
      <c r="P37" s="46"/>
      <c r="Q37" s="46"/>
      <c r="R37" s="46"/>
      <c r="S37" s="46"/>
      <c r="T37" s="47"/>
      <c r="U37" s="7"/>
      <c r="V37" s="7"/>
      <c r="W37" s="7"/>
      <c r="X37" s="7"/>
      <c r="Y37" s="7"/>
      <c r="Z37" s="7"/>
      <c r="AA37" s="7"/>
    </row>
    <row r="38" spans="1:27" ht="17.100000000000001" customHeight="1" x14ac:dyDescent="0.15">
      <c r="A38" s="7"/>
      <c r="B38" s="103">
        <v>1</v>
      </c>
      <c r="C38" s="104"/>
      <c r="D38" s="105"/>
      <c r="E38" s="87" t="s">
        <v>13</v>
      </c>
      <c r="F38" s="88"/>
      <c r="G38" s="89"/>
      <c r="H38" s="106">
        <v>145</v>
      </c>
      <c r="I38" s="107"/>
      <c r="J38" s="108"/>
      <c r="K38" s="109" t="s">
        <v>13</v>
      </c>
      <c r="L38" s="110"/>
      <c r="M38" s="111">
        <v>151</v>
      </c>
      <c r="N38" s="112"/>
      <c r="O38" s="109" t="s">
        <v>15</v>
      </c>
      <c r="P38" s="113"/>
      <c r="Q38" s="110"/>
      <c r="R38" s="100">
        <v>143</v>
      </c>
      <c r="S38" s="101"/>
      <c r="T38" s="102"/>
      <c r="U38" s="7"/>
      <c r="V38" s="7"/>
      <c r="W38" s="7"/>
      <c r="X38" s="7"/>
      <c r="Y38" s="7"/>
      <c r="Z38" s="7"/>
      <c r="AA38" s="7"/>
    </row>
    <row r="39" spans="1:27" ht="17.100000000000001" customHeight="1" x14ac:dyDescent="0.15">
      <c r="A39" s="7"/>
      <c r="B39" s="103">
        <v>2</v>
      </c>
      <c r="C39" s="104"/>
      <c r="D39" s="105"/>
      <c r="E39" s="87" t="s">
        <v>15</v>
      </c>
      <c r="F39" s="88"/>
      <c r="G39" s="89"/>
      <c r="H39" s="106">
        <v>138</v>
      </c>
      <c r="I39" s="107"/>
      <c r="J39" s="108"/>
      <c r="K39" s="109" t="s">
        <v>15</v>
      </c>
      <c r="L39" s="110"/>
      <c r="M39" s="111">
        <v>136</v>
      </c>
      <c r="N39" s="112"/>
      <c r="O39" s="109" t="s">
        <v>13</v>
      </c>
      <c r="P39" s="113"/>
      <c r="Q39" s="110"/>
      <c r="R39" s="100">
        <v>134</v>
      </c>
      <c r="S39" s="101"/>
      <c r="T39" s="102"/>
      <c r="U39" s="7"/>
      <c r="V39" s="7"/>
      <c r="W39" s="7"/>
      <c r="X39" s="7"/>
      <c r="Y39" s="7"/>
      <c r="Z39" s="7"/>
      <c r="AA39" s="7"/>
    </row>
    <row r="40" spans="1:27" ht="17.100000000000001" customHeight="1" x14ac:dyDescent="0.15">
      <c r="A40" s="7"/>
      <c r="B40" s="103">
        <v>3</v>
      </c>
      <c r="C40" s="104"/>
      <c r="D40" s="105"/>
      <c r="E40" s="119" t="s">
        <v>20</v>
      </c>
      <c r="F40" s="120"/>
      <c r="G40" s="121"/>
      <c r="H40" s="122">
        <v>57</v>
      </c>
      <c r="I40" s="123"/>
      <c r="J40" s="124"/>
      <c r="K40" s="125" t="s">
        <v>43</v>
      </c>
      <c r="L40" s="126"/>
      <c r="M40" s="100">
        <v>51</v>
      </c>
      <c r="N40" s="102"/>
      <c r="O40" s="127" t="s">
        <v>44</v>
      </c>
      <c r="P40" s="128"/>
      <c r="Q40" s="129"/>
      <c r="R40" s="100">
        <v>58</v>
      </c>
      <c r="S40" s="101"/>
      <c r="T40" s="102"/>
      <c r="U40" s="7"/>
      <c r="V40" s="7"/>
      <c r="W40" s="7"/>
      <c r="X40" s="7"/>
      <c r="Y40" s="7"/>
      <c r="Z40" s="7"/>
      <c r="AA40" s="7"/>
    </row>
    <row r="41" spans="1:27" ht="17.100000000000001" customHeight="1" x14ac:dyDescent="0.15">
      <c r="A41" s="7"/>
      <c r="B41" s="27"/>
      <c r="C41" s="27"/>
      <c r="D41" s="27"/>
      <c r="E41" s="28"/>
      <c r="F41" s="28"/>
      <c r="G41" s="28"/>
      <c r="H41" s="28"/>
      <c r="I41" s="27"/>
      <c r="J41" s="27"/>
      <c r="K41" s="27"/>
      <c r="L41" s="27"/>
      <c r="M41" s="27"/>
      <c r="N41" s="7"/>
      <c r="O41" s="7"/>
      <c r="P41" s="7"/>
      <c r="Q41" s="7"/>
      <c r="R41" s="7"/>
      <c r="S41" s="7"/>
      <c r="T41" s="7"/>
      <c r="U41" s="7"/>
      <c r="V41" s="7"/>
      <c r="W41" s="7"/>
      <c r="X41" s="7"/>
      <c r="Y41" s="7"/>
      <c r="Z41" s="7"/>
      <c r="AA41" s="7"/>
    </row>
    <row r="42" spans="1:27" ht="17.100000000000001" customHeight="1" x14ac:dyDescent="0.15">
      <c r="A42" s="7"/>
      <c r="B42" s="7" t="s">
        <v>45</v>
      </c>
      <c r="C42" s="7"/>
      <c r="D42" s="7"/>
      <c r="E42" s="7"/>
      <c r="F42" s="7"/>
      <c r="G42" s="7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  <c r="T42" s="7"/>
      <c r="U42" s="7"/>
      <c r="V42" s="7"/>
      <c r="W42" s="7"/>
      <c r="X42" s="7"/>
      <c r="Y42" s="7"/>
      <c r="Z42" s="7"/>
      <c r="AA42" s="7"/>
    </row>
    <row r="43" spans="1:27" ht="17.100000000000001" customHeight="1" x14ac:dyDescent="0.15">
      <c r="A43" s="7"/>
      <c r="B43" s="45"/>
      <c r="C43" s="46"/>
      <c r="D43" s="47"/>
      <c r="E43" s="45" t="s">
        <v>46</v>
      </c>
      <c r="F43" s="46"/>
      <c r="G43" s="46"/>
      <c r="H43" s="46"/>
      <c r="I43" s="46"/>
      <c r="J43" s="47"/>
      <c r="K43" s="45" t="s">
        <v>41</v>
      </c>
      <c r="L43" s="46"/>
      <c r="M43" s="46"/>
      <c r="N43" s="47"/>
      <c r="O43" s="45" t="s">
        <v>42</v>
      </c>
      <c r="P43" s="46"/>
      <c r="Q43" s="46"/>
      <c r="R43" s="46"/>
      <c r="S43" s="46"/>
      <c r="T43" s="47"/>
      <c r="U43" s="7"/>
      <c r="V43" s="7"/>
      <c r="W43" s="7"/>
      <c r="X43" s="7"/>
      <c r="Y43" s="7"/>
      <c r="Z43" s="7"/>
      <c r="AA43" s="7"/>
    </row>
    <row r="44" spans="1:27" ht="17.100000000000001" customHeight="1" x14ac:dyDescent="0.15">
      <c r="A44" s="7"/>
      <c r="B44" s="103">
        <v>1</v>
      </c>
      <c r="C44" s="104"/>
      <c r="D44" s="105"/>
      <c r="E44" s="87" t="s">
        <v>24</v>
      </c>
      <c r="F44" s="88"/>
      <c r="G44" s="89"/>
      <c r="H44" s="114">
        <v>389.02</v>
      </c>
      <c r="I44" s="115"/>
      <c r="J44" s="116"/>
      <c r="K44" s="109" t="s">
        <v>47</v>
      </c>
      <c r="L44" s="113"/>
      <c r="M44" s="117" t="s">
        <v>48</v>
      </c>
      <c r="N44" s="118"/>
      <c r="O44" s="109" t="s">
        <v>49</v>
      </c>
      <c r="P44" s="113"/>
      <c r="Q44" s="110"/>
      <c r="R44" s="117" t="s">
        <v>50</v>
      </c>
      <c r="S44" s="130"/>
      <c r="T44" s="118"/>
      <c r="U44" s="7"/>
      <c r="V44" s="7"/>
      <c r="W44" s="7"/>
      <c r="X44" s="7"/>
      <c r="Y44" s="7"/>
      <c r="Z44" s="7"/>
      <c r="AA44" s="7"/>
    </row>
    <row r="45" spans="1:27" ht="17.100000000000001" customHeight="1" x14ac:dyDescent="0.15">
      <c r="A45" s="7"/>
      <c r="B45" s="103">
        <v>2</v>
      </c>
      <c r="C45" s="104"/>
      <c r="D45" s="105"/>
      <c r="E45" s="87" t="s">
        <v>51</v>
      </c>
      <c r="F45" s="88"/>
      <c r="G45" s="89"/>
      <c r="H45" s="114">
        <v>302.3</v>
      </c>
      <c r="I45" s="115"/>
      <c r="J45" s="116"/>
      <c r="K45" s="109" t="s">
        <v>52</v>
      </c>
      <c r="L45" s="113"/>
      <c r="M45" s="117" t="s">
        <v>53</v>
      </c>
      <c r="N45" s="118"/>
      <c r="O45" s="109" t="s">
        <v>54</v>
      </c>
      <c r="P45" s="113"/>
      <c r="Q45" s="110"/>
      <c r="R45" s="117" t="s">
        <v>55</v>
      </c>
      <c r="S45" s="130"/>
      <c r="T45" s="118"/>
      <c r="U45" s="7"/>
      <c r="V45" s="7"/>
      <c r="W45" s="7"/>
      <c r="X45" s="7"/>
      <c r="Y45" s="7"/>
      <c r="Z45" s="7"/>
      <c r="AA45" s="7"/>
    </row>
    <row r="46" spans="1:27" ht="17.100000000000001" customHeight="1" x14ac:dyDescent="0.15">
      <c r="A46" s="7"/>
      <c r="B46" s="103">
        <v>3</v>
      </c>
      <c r="C46" s="104"/>
      <c r="D46" s="105"/>
      <c r="E46" s="87" t="s">
        <v>25</v>
      </c>
      <c r="F46" s="88"/>
      <c r="G46" s="89"/>
      <c r="H46" s="134">
        <v>268.87</v>
      </c>
      <c r="I46" s="135"/>
      <c r="J46" s="136"/>
      <c r="K46" s="109" t="s">
        <v>54</v>
      </c>
      <c r="L46" s="113"/>
      <c r="M46" s="131" t="s">
        <v>56</v>
      </c>
      <c r="N46" s="133"/>
      <c r="O46" s="109" t="s">
        <v>23</v>
      </c>
      <c r="P46" s="113"/>
      <c r="Q46" s="110"/>
      <c r="R46" s="131" t="s">
        <v>57</v>
      </c>
      <c r="S46" s="132"/>
      <c r="T46" s="133"/>
      <c r="U46" s="7"/>
      <c r="V46" s="7"/>
      <c r="W46" s="7"/>
      <c r="X46" s="7"/>
      <c r="Y46" s="7"/>
      <c r="Z46" s="7"/>
      <c r="AA46" s="7"/>
    </row>
    <row r="47" spans="1:27" ht="17.100000000000001" customHeight="1" x14ac:dyDescent="0.15">
      <c r="A47" s="7"/>
      <c r="B47" s="7"/>
      <c r="C47" s="7"/>
      <c r="D47" s="7"/>
      <c r="E47" s="7"/>
      <c r="F47" s="7"/>
      <c r="G47" s="7"/>
      <c r="H47" s="7"/>
      <c r="I47" s="7"/>
      <c r="J47" s="7"/>
      <c r="K47" s="7"/>
      <c r="L47" s="7"/>
      <c r="M47" s="7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</row>
  </sheetData>
  <mergeCells count="231">
    <mergeCell ref="B45:D45"/>
    <mergeCell ref="E45:G45"/>
    <mergeCell ref="H45:J45"/>
    <mergeCell ref="K45:L45"/>
    <mergeCell ref="M45:N45"/>
    <mergeCell ref="O45:Q45"/>
    <mergeCell ref="R45:T45"/>
    <mergeCell ref="R46:T46"/>
    <mergeCell ref="B46:D46"/>
    <mergeCell ref="E46:G46"/>
    <mergeCell ref="H46:J46"/>
    <mergeCell ref="K46:L46"/>
    <mergeCell ref="M46:N46"/>
    <mergeCell ref="O46:Q46"/>
    <mergeCell ref="R40:T40"/>
    <mergeCell ref="B43:D43"/>
    <mergeCell ref="E43:J43"/>
    <mergeCell ref="K43:N43"/>
    <mergeCell ref="O43:T43"/>
    <mergeCell ref="B44:D44"/>
    <mergeCell ref="E44:G44"/>
    <mergeCell ref="H44:J44"/>
    <mergeCell ref="K44:L44"/>
    <mergeCell ref="M44:N44"/>
    <mergeCell ref="B40:D40"/>
    <mergeCell ref="E40:G40"/>
    <mergeCell ref="H40:J40"/>
    <mergeCell ref="K40:L40"/>
    <mergeCell ref="M40:N40"/>
    <mergeCell ref="O40:Q40"/>
    <mergeCell ref="O44:Q44"/>
    <mergeCell ref="R44:T44"/>
    <mergeCell ref="R38:T38"/>
    <mergeCell ref="B39:D39"/>
    <mergeCell ref="E39:G39"/>
    <mergeCell ref="H39:J39"/>
    <mergeCell ref="K39:L39"/>
    <mergeCell ref="M39:N39"/>
    <mergeCell ref="O39:Q39"/>
    <mergeCell ref="R39:T39"/>
    <mergeCell ref="B37:D37"/>
    <mergeCell ref="E37:J37"/>
    <mergeCell ref="K37:N37"/>
    <mergeCell ref="O37:T37"/>
    <mergeCell ref="B38:D38"/>
    <mergeCell ref="E38:G38"/>
    <mergeCell ref="H38:J38"/>
    <mergeCell ref="K38:L38"/>
    <mergeCell ref="M38:N38"/>
    <mergeCell ref="O38:Q38"/>
    <mergeCell ref="Z29:AA29"/>
    <mergeCell ref="B30:D30"/>
    <mergeCell ref="E30:H30"/>
    <mergeCell ref="I30:K30"/>
    <mergeCell ref="N30:P30"/>
    <mergeCell ref="Q30:R30"/>
    <mergeCell ref="S30:V30"/>
    <mergeCell ref="W30:Y30"/>
    <mergeCell ref="Z30:AA30"/>
    <mergeCell ref="E28:H28"/>
    <mergeCell ref="S28:V28"/>
    <mergeCell ref="B29:D29"/>
    <mergeCell ref="E29:H29"/>
    <mergeCell ref="I29:K29"/>
    <mergeCell ref="N29:P29"/>
    <mergeCell ref="Q29:R29"/>
    <mergeCell ref="S29:V29"/>
    <mergeCell ref="W26:Y26"/>
    <mergeCell ref="W29:Y29"/>
    <mergeCell ref="Z26:AA26"/>
    <mergeCell ref="B27:D27"/>
    <mergeCell ref="E27:H27"/>
    <mergeCell ref="I27:K27"/>
    <mergeCell ref="N27:P27"/>
    <mergeCell ref="Q27:R27"/>
    <mergeCell ref="S27:V27"/>
    <mergeCell ref="W27:Y27"/>
    <mergeCell ref="Z27:AA27"/>
    <mergeCell ref="B26:D26"/>
    <mergeCell ref="E26:H26"/>
    <mergeCell ref="I26:K26"/>
    <mergeCell ref="N26:P26"/>
    <mergeCell ref="Q26:R26"/>
    <mergeCell ref="S26:V26"/>
    <mergeCell ref="W24:Y24"/>
    <mergeCell ref="Z24:AA24"/>
    <mergeCell ref="B25:D25"/>
    <mergeCell ref="E25:H25"/>
    <mergeCell ref="I25:K25"/>
    <mergeCell ref="N25:P25"/>
    <mergeCell ref="Q25:R25"/>
    <mergeCell ref="S25:V25"/>
    <mergeCell ref="W25:Y25"/>
    <mergeCell ref="Z25:AA25"/>
    <mergeCell ref="B24:D24"/>
    <mergeCell ref="E24:H24"/>
    <mergeCell ref="I24:K24"/>
    <mergeCell ref="N24:P24"/>
    <mergeCell ref="Q24:R24"/>
    <mergeCell ref="S24:V24"/>
    <mergeCell ref="W22:Y22"/>
    <mergeCell ref="Z22:AA22"/>
    <mergeCell ref="B23:D23"/>
    <mergeCell ref="E23:H23"/>
    <mergeCell ref="I23:K23"/>
    <mergeCell ref="N23:P23"/>
    <mergeCell ref="Q23:R23"/>
    <mergeCell ref="S23:V23"/>
    <mergeCell ref="W23:Y23"/>
    <mergeCell ref="Z23:AA23"/>
    <mergeCell ref="B22:D22"/>
    <mergeCell ref="E22:H22"/>
    <mergeCell ref="I22:K22"/>
    <mergeCell ref="N22:P22"/>
    <mergeCell ref="Q22:R22"/>
    <mergeCell ref="S22:V22"/>
    <mergeCell ref="W20:Y20"/>
    <mergeCell ref="Z20:AA20"/>
    <mergeCell ref="B21:D21"/>
    <mergeCell ref="E21:H21"/>
    <mergeCell ref="I21:K21"/>
    <mergeCell ref="N21:P21"/>
    <mergeCell ref="Q21:R21"/>
    <mergeCell ref="S21:V21"/>
    <mergeCell ref="W21:Y21"/>
    <mergeCell ref="Z21:AA21"/>
    <mergeCell ref="B20:D20"/>
    <mergeCell ref="E20:H20"/>
    <mergeCell ref="I20:K20"/>
    <mergeCell ref="N20:P20"/>
    <mergeCell ref="Q20:R20"/>
    <mergeCell ref="S20:V20"/>
    <mergeCell ref="W18:Y18"/>
    <mergeCell ref="Z18:AA18"/>
    <mergeCell ref="B19:D19"/>
    <mergeCell ref="E19:H19"/>
    <mergeCell ref="I19:K19"/>
    <mergeCell ref="N19:P19"/>
    <mergeCell ref="Q19:R19"/>
    <mergeCell ref="S19:V19"/>
    <mergeCell ref="W19:Y19"/>
    <mergeCell ref="Z19:AA19"/>
    <mergeCell ref="B18:D18"/>
    <mergeCell ref="E18:H18"/>
    <mergeCell ref="I18:K18"/>
    <mergeCell ref="N18:P18"/>
    <mergeCell ref="Q18:R18"/>
    <mergeCell ref="S18:V18"/>
    <mergeCell ref="W16:Y16"/>
    <mergeCell ref="Z16:AA16"/>
    <mergeCell ref="B17:D17"/>
    <mergeCell ref="E17:H17"/>
    <mergeCell ref="I17:K17"/>
    <mergeCell ref="N17:P17"/>
    <mergeCell ref="Q17:R17"/>
    <mergeCell ref="S17:V17"/>
    <mergeCell ref="W17:Y17"/>
    <mergeCell ref="Z17:AA17"/>
    <mergeCell ref="B16:D16"/>
    <mergeCell ref="E16:H16"/>
    <mergeCell ref="I16:K16"/>
    <mergeCell ref="N16:P16"/>
    <mergeCell ref="Q16:R16"/>
    <mergeCell ref="S16:V16"/>
    <mergeCell ref="W14:Y14"/>
    <mergeCell ref="Z14:AA14"/>
    <mergeCell ref="B15:D15"/>
    <mergeCell ref="E15:H15"/>
    <mergeCell ref="I15:K15"/>
    <mergeCell ref="N15:P15"/>
    <mergeCell ref="Q15:R15"/>
    <mergeCell ref="S15:V15"/>
    <mergeCell ref="W15:Y15"/>
    <mergeCell ref="Z15:AA15"/>
    <mergeCell ref="B14:D14"/>
    <mergeCell ref="E14:H14"/>
    <mergeCell ref="I14:K14"/>
    <mergeCell ref="N14:P14"/>
    <mergeCell ref="Q14:R14"/>
    <mergeCell ref="S14:V14"/>
    <mergeCell ref="W12:Y12"/>
    <mergeCell ref="Z12:AA12"/>
    <mergeCell ref="B13:D13"/>
    <mergeCell ref="E13:H13"/>
    <mergeCell ref="I13:K13"/>
    <mergeCell ref="N13:P13"/>
    <mergeCell ref="Q13:R13"/>
    <mergeCell ref="S13:V13"/>
    <mergeCell ref="W13:Y13"/>
    <mergeCell ref="Z13:AA13"/>
    <mergeCell ref="B12:D12"/>
    <mergeCell ref="E12:H12"/>
    <mergeCell ref="I12:K12"/>
    <mergeCell ref="N12:P12"/>
    <mergeCell ref="Q12:R12"/>
    <mergeCell ref="S12:V12"/>
    <mergeCell ref="B11:D11"/>
    <mergeCell ref="E11:H11"/>
    <mergeCell ref="I11:K11"/>
    <mergeCell ref="N11:P11"/>
    <mergeCell ref="Q11:R11"/>
    <mergeCell ref="S11:V11"/>
    <mergeCell ref="W11:Y11"/>
    <mergeCell ref="Z11:AA11"/>
    <mergeCell ref="B10:D10"/>
    <mergeCell ref="E10:H10"/>
    <mergeCell ref="I10:K10"/>
    <mergeCell ref="N10:P10"/>
    <mergeCell ref="Q10:R10"/>
    <mergeCell ref="S10:V10"/>
    <mergeCell ref="B9:D9"/>
    <mergeCell ref="E9:H9"/>
    <mergeCell ref="I9:K9"/>
    <mergeCell ref="N9:P9"/>
    <mergeCell ref="Q9:R9"/>
    <mergeCell ref="S9:V9"/>
    <mergeCell ref="W9:Y9"/>
    <mergeCell ref="Z9:AA9"/>
    <mergeCell ref="W10:Y10"/>
    <mergeCell ref="Z10:AA10"/>
    <mergeCell ref="B4:AA4"/>
    <mergeCell ref="B7:D8"/>
    <mergeCell ref="E7:H8"/>
    <mergeCell ref="I7:K8"/>
    <mergeCell ref="N7:R7"/>
    <mergeCell ref="S7:V8"/>
    <mergeCell ref="W7:AA7"/>
    <mergeCell ref="N8:P8"/>
    <mergeCell ref="Q8:R8"/>
    <mergeCell ref="W8:Y8"/>
    <mergeCell ref="Z8:AA8"/>
  </mergeCells>
  <phoneticPr fontId="1"/>
  <printOptions horizontalCentered="1"/>
  <pageMargins left="0.78740157480314965" right="0.47244094488188981" top="0.51181102362204722" bottom="0.39370078740157483" header="0.47244094488188981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30</vt:lpstr>
      <vt:lpstr>'H30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9-07-30T07:31:10Z</dcterms:created>
  <dcterms:modified xsi:type="dcterms:W3CDTF">2019-08-26T07:39:55Z</dcterms:modified>
</cp:coreProperties>
</file>